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5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C0B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23" d="100"/>
          <a:sy n="123" d="100"/>
        </p:scale>
        <p:origin x="114" y="21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9D52A7-BE01-E23F-AA8A-58CBF750EF0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428A60A-6F38-7596-E78E-56E458AA3B5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67422A-B4E5-8C89-A2CA-94E3C1B8D9B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77B4E1-7263-4EA6-9CD6-A1DAEF526D32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E4F35A7-C58E-F887-26C9-86EF339D2E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1C61F19-9BFB-5CE0-A5DE-704F15929C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1B3F25-1EA8-4EE4-8095-9EA9FCFE9C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375192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42387E4-CFE3-8A88-5582-9340DFF88A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FE6259B-90C3-44F2-4C95-231A3BC572C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681A294-EF55-32EE-7384-702C84D8992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77B4E1-7263-4EA6-9CD6-A1DAEF526D32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570C3F-6467-AE7D-A6F9-0ADB3407F3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171734B-3965-7DC1-AFFA-7EF5A69274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1B3F25-1EA8-4EE4-8095-9EA9FCFE9C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046548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D676C627-C02D-DEDF-EB2E-1324FCD9A54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AD33631-5FEB-11C6-599E-304ED1E860A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5CD59CA-403F-5A40-813F-983DD65A17F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77B4E1-7263-4EA6-9CD6-A1DAEF526D32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98C3828-D834-31E2-AAF2-17B3BAE7657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2D4E092-3FEC-A66F-8BC3-AC8F0B0C5A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1B3F25-1EA8-4EE4-8095-9EA9FCFE9C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212871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0463FC-F97A-E912-0A12-25D07EF5396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1A010A2-3FFF-2848-0D0B-E557AAAA8FB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C895DE7-8FF3-6172-6D05-1BC31E6086D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77B4E1-7263-4EA6-9CD6-A1DAEF526D32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A7653B1-8A75-7C90-038F-4BE8A56309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5897872-7A84-A09E-8AC1-AF7AA45543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1B3F25-1EA8-4EE4-8095-9EA9FCFE9C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06668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8100A0-5340-85A4-D055-96AE3C5436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A3186F7-1F28-DFB0-583B-45FE149E52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8B138F7-72D4-3874-D338-5C011A0747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77B4E1-7263-4EA6-9CD6-A1DAEF526D32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F94A62C-74D5-DFB8-9DAF-E0EE388E916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102C1CE-39CA-1F81-7342-9C60B30D5D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1B3F25-1EA8-4EE4-8095-9EA9FCFE9C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810968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2E0CC9-BAC0-1DBA-96EE-AC34BF17AC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CF78EDA-34D5-588D-3591-BBABDE47018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E9536813-4530-5641-3005-804393932AD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BF23876-8D68-4315-4242-DB1322A105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77B4E1-7263-4EA6-9CD6-A1DAEF526D32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B5C38E0-57F7-7E6A-2CA6-84F2E3F25B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C5290B4-FED8-1F3D-5296-EF042FBFF97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1B3F25-1EA8-4EE4-8095-9EA9FCFE9C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72566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25A538-FE6B-6815-9829-498DF0BFB0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F5AFF22-6A4B-8399-9F02-BED31F50FA3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23D8027-EE65-6441-0627-C3A6958BB4C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0BA690F-09C1-42C4-8B59-3D81B286333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C6C8047-4E2A-8111-27E1-38825EF0CE86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7F70886-E8C9-04C9-36C0-31EA380A23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77B4E1-7263-4EA6-9CD6-A1DAEF526D32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A421D3E-BE2C-0B6F-3A1B-0597976E12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78A5F20-02FD-9476-311D-FCD19A18B0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1B3F25-1EA8-4EE4-8095-9EA9FCFE9C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643472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578360-26BC-D748-5A6C-A334D35AC6E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2C69179-0877-4963-6201-BF8AD2DCF04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77B4E1-7263-4EA6-9CD6-A1DAEF526D32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34930FC-5F7C-336E-2F82-A1DB1711AE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5395FA7-93C8-8885-3A0B-B9CD93D796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1B3F25-1EA8-4EE4-8095-9EA9FCFE9C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9522152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FF238B0-1A3F-9E60-8781-F3778930FE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77B4E1-7263-4EA6-9CD6-A1DAEF526D32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700729E-7F7C-35CE-E437-E2913E76B1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1107B9D-E370-2867-4AA8-6FFCC3915A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1B3F25-1EA8-4EE4-8095-9EA9FCFE9C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530256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42FD31-6598-FA9D-AA0A-9E16E8156DC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6D9063B-A8F9-EDF2-8DB3-05A6114E4FD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59BD2DC-ADFB-9CE4-CE32-CB615D89194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9E053BF-2CDA-DE54-9FC1-93939C187C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77B4E1-7263-4EA6-9CD6-A1DAEF526D32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3C24B1B-202C-A4AD-2551-1D250A0D2D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96CEB67-61D2-EF72-08BF-28B295F42FC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1B3F25-1EA8-4EE4-8095-9EA9FCFE9C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4308172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2E3E2C1-BE94-2EC4-4915-5EAA41F7FA6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742EF0D-7565-57FF-31B4-16F5973AC5F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6ED90D5-C011-193D-D141-66E6F7002DF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85BCA88-F00A-A0CE-A135-E7082D9BB9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77B4E1-7263-4EA6-9CD6-A1DAEF526D32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119A81D-B5E5-AB1B-C3BB-AD2D950B14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F06C494-2050-4882-8288-B9506BD0FA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51B3F25-1EA8-4EE4-8095-9EA9FCFE9C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556928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51032A9-D995-873B-F331-62682F75252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CD25C6D-7177-C2AF-46EC-325A27DB5F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C5AEC66-4FE8-4149-F975-A51171D50F0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077B4E1-7263-4EA6-9CD6-A1DAEF526D32}" type="datetimeFigureOut">
              <a:rPr lang="en-US" smtClean="0"/>
              <a:t>1/9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911B519-7BA9-CAC9-0E08-9D9DC315EBA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04937F6-56F6-0C2B-BB42-5FD12210DC6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51B3F25-1EA8-4EE4-8095-9EA9FCFE9C9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30485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image" Target="../media/image3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8" name="OTLSHAPE_M_788d87ee48f0482a8ee882951173b95b_Connector1">
            <a:extLst>
              <a:ext uri="{FF2B5EF4-FFF2-40B4-BE49-F238E27FC236}">
                <a16:creationId xmlns:a16="http://schemas.microsoft.com/office/drawing/2014/main" id="{C12C6491-FE47-D888-8DC7-01595692CF33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017883" y="820378"/>
            <a:ext cx="0" cy="350562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6" name="OTLSHAPE_M_ddc5c6ab9a8743a7acf975f624915af6_Connector1">
            <a:extLst>
              <a:ext uri="{FF2B5EF4-FFF2-40B4-BE49-F238E27FC236}">
                <a16:creationId xmlns:a16="http://schemas.microsoft.com/office/drawing/2014/main" id="{A1F3AEDF-8391-B10D-8CB8-CCA8BDEBF32C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1252231" y="820378"/>
            <a:ext cx="0" cy="350562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0" name="OTLSHAPE_TB_00000000000000000000000000000000_ScaleContainer">
            <a:extLst>
              <a:ext uri="{FF2B5EF4-FFF2-40B4-BE49-F238E27FC236}">
                <a16:creationId xmlns:a16="http://schemas.microsoft.com/office/drawing/2014/main" id="{C922A330-887F-446A-EF6F-A754443F3D0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33365" y="1170940"/>
            <a:ext cx="10337800" cy="182880"/>
          </a:xfrm>
          <a:prstGeom prst="round2Same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1" name="OTLSHAPE_TB_00000000000000000000000000000000_MiddleScaleContainer">
            <a:extLst>
              <a:ext uri="{FF2B5EF4-FFF2-40B4-BE49-F238E27FC236}">
                <a16:creationId xmlns:a16="http://schemas.microsoft.com/office/drawing/2014/main" id="{8AB5A6E3-8647-AE05-B8A3-7AF92BE2E1F3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33365" y="1362964"/>
            <a:ext cx="10337800" cy="18288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E095333F-39A0-2205-E2E5-6C39BEB9E04D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996865" y="1184868"/>
            <a:ext cx="2921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23E81E02-DF50-8CF4-2C6E-DE3F47D08939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857304" y="1184868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1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4EBAC026-03EB-4213-47C3-47E9A367B90E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2717744" y="1184868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23</a:t>
            </a:r>
          </a:p>
        </p:txBody>
      </p:sp>
      <p:sp>
        <p:nvSpPr>
          <p:cNvPr id="207" name="OTLSHAPE_TB_00000000000000000000000000000000_TimescaleInterval4">
            <a:extLst>
              <a:ext uri="{FF2B5EF4-FFF2-40B4-BE49-F238E27FC236}">
                <a16:creationId xmlns:a16="http://schemas.microsoft.com/office/drawing/2014/main" id="{E9A14A56-3EC8-02E0-E6E9-32A3599D1529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3578183" y="1184868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34</a:t>
            </a:r>
          </a:p>
        </p:txBody>
      </p:sp>
      <p:sp>
        <p:nvSpPr>
          <p:cNvPr id="209" name="OTLSHAPE_TB_00000000000000000000000000000000_TimescaleInterval5">
            <a:extLst>
              <a:ext uri="{FF2B5EF4-FFF2-40B4-BE49-F238E27FC236}">
                <a16:creationId xmlns:a16="http://schemas.microsoft.com/office/drawing/2014/main" id="{6DB8F545-57A6-9065-C497-8B182EDA1266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4438622" y="1184868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45</a:t>
            </a:r>
          </a:p>
        </p:txBody>
      </p:sp>
      <p:sp>
        <p:nvSpPr>
          <p:cNvPr id="214" name="OTLSHAPE_TB_00000000000000000000000000000000_TimescaleInterval6">
            <a:extLst>
              <a:ext uri="{FF2B5EF4-FFF2-40B4-BE49-F238E27FC236}">
                <a16:creationId xmlns:a16="http://schemas.microsoft.com/office/drawing/2014/main" id="{AD3F86FD-DF70-10CB-ADE6-D3694DCC4666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5299061" y="1184868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56</a:t>
            </a:r>
          </a:p>
        </p:txBody>
      </p:sp>
      <p:sp>
        <p:nvSpPr>
          <p:cNvPr id="216" name="OTLSHAPE_TB_00000000000000000000000000000000_TimescaleInterval7">
            <a:extLst>
              <a:ext uri="{FF2B5EF4-FFF2-40B4-BE49-F238E27FC236}">
                <a16:creationId xmlns:a16="http://schemas.microsoft.com/office/drawing/2014/main" id="{4319873B-F902-DF6B-FC72-15CD5F44AD8A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6159500" y="1184868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67</a:t>
            </a:r>
          </a:p>
        </p:txBody>
      </p:sp>
      <p:sp>
        <p:nvSpPr>
          <p:cNvPr id="218" name="OTLSHAPE_TB_00000000000000000000000000000000_TimescaleInterval8">
            <a:extLst>
              <a:ext uri="{FF2B5EF4-FFF2-40B4-BE49-F238E27FC236}">
                <a16:creationId xmlns:a16="http://schemas.microsoft.com/office/drawing/2014/main" id="{B0A88236-F749-7013-C300-B2DE3446B428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7019940" y="1184868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78</a:t>
            </a:r>
          </a:p>
        </p:txBody>
      </p:sp>
      <p:sp>
        <p:nvSpPr>
          <p:cNvPr id="220" name="OTLSHAPE_TB_00000000000000000000000000000000_TimescaleInterval9">
            <a:extLst>
              <a:ext uri="{FF2B5EF4-FFF2-40B4-BE49-F238E27FC236}">
                <a16:creationId xmlns:a16="http://schemas.microsoft.com/office/drawing/2014/main" id="{A90A6D3D-CA5D-7F7D-CA9C-C7DF0B5DD07C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7880379" y="1184868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89</a:t>
            </a:r>
          </a:p>
        </p:txBody>
      </p:sp>
      <p:sp>
        <p:nvSpPr>
          <p:cNvPr id="222" name="OTLSHAPE_TB_00000000000000000000000000000000_TimescaleInterval10">
            <a:extLst>
              <a:ext uri="{FF2B5EF4-FFF2-40B4-BE49-F238E27FC236}">
                <a16:creationId xmlns:a16="http://schemas.microsoft.com/office/drawing/2014/main" id="{8002157A-4194-6BEB-A34E-F87360279428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8740818" y="1184868"/>
            <a:ext cx="19717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lt1"/>
                </a:solidFill>
                <a:latin typeface="Calibri" panose="020F0502020204030204" pitchFamily="34" charset="0"/>
              </a:rPr>
              <a:t>100</a:t>
            </a:r>
          </a:p>
        </p:txBody>
      </p:sp>
      <p:sp>
        <p:nvSpPr>
          <p:cNvPr id="224" name="OTLSHAPE_TB_00000000000000000000000000000000_TimescaleInterval11">
            <a:extLst>
              <a:ext uri="{FF2B5EF4-FFF2-40B4-BE49-F238E27FC236}">
                <a16:creationId xmlns:a16="http://schemas.microsoft.com/office/drawing/2014/main" id="{BB8A50BB-429E-262A-FAE1-13D8FCEDABC2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9601257" y="1184868"/>
            <a:ext cx="19717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 dirty="0">
                <a:solidFill>
                  <a:schemeClr val="lt1"/>
                </a:solidFill>
                <a:latin typeface="Calibri" panose="020F0502020204030204" pitchFamily="34" charset="0"/>
              </a:rPr>
              <a:t>111</a:t>
            </a:r>
          </a:p>
        </p:txBody>
      </p:sp>
      <p:sp>
        <p:nvSpPr>
          <p:cNvPr id="226" name="OTLSHAPE_TB_00000000000000000000000000000000_TimescaleInterval12">
            <a:extLst>
              <a:ext uri="{FF2B5EF4-FFF2-40B4-BE49-F238E27FC236}">
                <a16:creationId xmlns:a16="http://schemas.microsoft.com/office/drawing/2014/main" id="{D5211D09-C6E1-2544-D7E4-8E6EBC7B7461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0461696" y="1184868"/>
            <a:ext cx="19717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 dirty="0">
                <a:solidFill>
                  <a:schemeClr val="lt1"/>
                </a:solidFill>
                <a:latin typeface="Calibri" panose="020F0502020204030204" pitchFamily="34" charset="0"/>
              </a:rPr>
              <a:t>122</a:t>
            </a:r>
          </a:p>
        </p:txBody>
      </p:sp>
      <p:sp>
        <p:nvSpPr>
          <p:cNvPr id="227" name="OTLSHAPE_TB_00000000000000000000000000000000_MiddleTimescaleInterval1">
            <a:extLst>
              <a:ext uri="{FF2B5EF4-FFF2-40B4-BE49-F238E27FC236}">
                <a16:creationId xmlns:a16="http://schemas.microsoft.com/office/drawing/2014/main" id="{E31F667A-E24F-7B97-F9DC-0C3691830D0B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996865" y="1376892"/>
            <a:ext cx="394339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sp>
        <p:nvSpPr>
          <p:cNvPr id="229" name="OTLSHAPE_TB_00000000000000000000000000000000_MiddleTimescaleInterval2">
            <a:extLst>
              <a:ext uri="{FF2B5EF4-FFF2-40B4-BE49-F238E27FC236}">
                <a16:creationId xmlns:a16="http://schemas.microsoft.com/office/drawing/2014/main" id="{34244D93-9C71-4C6E-3017-4030948C87E6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2013748" y="137689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231" name="OTLSHAPE_TB_00000000000000000000000000000000_MiddleTimescaleInterval3">
            <a:extLst>
              <a:ext uri="{FF2B5EF4-FFF2-40B4-BE49-F238E27FC236}">
                <a16:creationId xmlns:a16="http://schemas.microsoft.com/office/drawing/2014/main" id="{AB75D98E-6867-98D0-E78A-67486DCA0370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108852" y="137689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233" name="OTLSHAPE_TB_00000000000000000000000000000000_MiddleTimescaleInterval4">
            <a:extLst>
              <a:ext uri="{FF2B5EF4-FFF2-40B4-BE49-F238E27FC236}">
                <a16:creationId xmlns:a16="http://schemas.microsoft.com/office/drawing/2014/main" id="{3CB4E2B3-A055-1235-96BD-AF99D108557B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4203957" y="137689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235" name="OTLSHAPE_TB_00000000000000000000000000000000_MiddleTimescaleInterval5">
            <a:extLst>
              <a:ext uri="{FF2B5EF4-FFF2-40B4-BE49-F238E27FC236}">
                <a16:creationId xmlns:a16="http://schemas.microsoft.com/office/drawing/2014/main" id="{0D6C8C99-9B60-6305-3CEE-519174C393A1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5299061" y="1376892"/>
            <a:ext cx="65724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237" name="OTLSHAPE_TB_00000000000000000000000000000000_MiddleTimescaleInterval6">
            <a:extLst>
              <a:ext uri="{FF2B5EF4-FFF2-40B4-BE49-F238E27FC236}">
                <a16:creationId xmlns:a16="http://schemas.microsoft.com/office/drawing/2014/main" id="{7733C212-86A3-1B9C-8308-EB7E665180BF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6394166" y="137689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sp>
        <p:nvSpPr>
          <p:cNvPr id="239" name="OTLSHAPE_TB_00000000000000000000000000000000_MiddleTimescaleInterval7">
            <a:extLst>
              <a:ext uri="{FF2B5EF4-FFF2-40B4-BE49-F238E27FC236}">
                <a16:creationId xmlns:a16="http://schemas.microsoft.com/office/drawing/2014/main" id="{76AB7A14-6A64-6F0B-B5EB-482802F069EF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7489270" y="137689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241" name="OTLSHAPE_TB_00000000000000000000000000000000_MiddleTimescaleInterval8">
            <a:extLst>
              <a:ext uri="{FF2B5EF4-FFF2-40B4-BE49-F238E27FC236}">
                <a16:creationId xmlns:a16="http://schemas.microsoft.com/office/drawing/2014/main" id="{8D76F8B0-51B1-594D-CDCB-A8D6CBD2557F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8584374" y="137689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15</a:t>
            </a:r>
          </a:p>
        </p:txBody>
      </p:sp>
      <p:sp>
        <p:nvSpPr>
          <p:cNvPr id="243" name="OTLSHAPE_TB_00000000000000000000000000000000_MiddleTimescaleInterval9">
            <a:extLst>
              <a:ext uri="{FF2B5EF4-FFF2-40B4-BE49-F238E27FC236}">
                <a16:creationId xmlns:a16="http://schemas.microsoft.com/office/drawing/2014/main" id="{19A3E1BE-0B6B-78DC-DF33-6AD2B0C41035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9679479" y="137689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245" name="OTLSHAPE_TB_00000000000000000000000000000000_MiddleTimescaleInterval10">
            <a:extLst>
              <a:ext uri="{FF2B5EF4-FFF2-40B4-BE49-F238E27FC236}">
                <a16:creationId xmlns:a16="http://schemas.microsoft.com/office/drawing/2014/main" id="{97091095-C324-5565-BF48-773D9486103A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0774583" y="1376892"/>
            <a:ext cx="13144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4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cxnSp>
        <p:nvCxnSpPr>
          <p:cNvPr id="165" name="OTLSHAPE_TB_00000000000000000000000000000000_Separator1">
            <a:extLst>
              <a:ext uri="{FF2B5EF4-FFF2-40B4-BE49-F238E27FC236}">
                <a16:creationId xmlns:a16="http://schemas.microsoft.com/office/drawing/2014/main" id="{56CE211F-ECDE-87B3-EB8E-CB22A2DA1D89}"/>
              </a:ext>
            </a:extLst>
          </p:cNvPr>
          <p:cNvCxnSpPr/>
          <p:nvPr>
            <p:custDataLst>
              <p:tags r:id="rId28"/>
            </p:custDataLst>
          </p:nvPr>
        </p:nvCxnSpPr>
        <p:spPr>
          <a:xfrm>
            <a:off x="1793804" y="11709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6" name="OTLSHAPE_TB_00000000000000000000000000000000_Separator2">
            <a:extLst>
              <a:ext uri="{FF2B5EF4-FFF2-40B4-BE49-F238E27FC236}">
                <a16:creationId xmlns:a16="http://schemas.microsoft.com/office/drawing/2014/main" id="{5D5DC8BC-F970-0262-5113-55DE01405206}"/>
              </a:ext>
            </a:extLst>
          </p:cNvPr>
          <p:cNvCxnSpPr/>
          <p:nvPr>
            <p:custDataLst>
              <p:tags r:id="rId29"/>
            </p:custDataLst>
          </p:nvPr>
        </p:nvCxnSpPr>
        <p:spPr>
          <a:xfrm>
            <a:off x="2654243" y="11709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6" name="OTLSHAPE_TB_00000000000000000000000000000000_Separator3">
            <a:extLst>
              <a:ext uri="{FF2B5EF4-FFF2-40B4-BE49-F238E27FC236}">
                <a16:creationId xmlns:a16="http://schemas.microsoft.com/office/drawing/2014/main" id="{0C8623D3-A836-D4AA-F620-32821FDC1E3D}"/>
              </a:ext>
            </a:extLst>
          </p:cNvPr>
          <p:cNvCxnSpPr/>
          <p:nvPr>
            <p:custDataLst>
              <p:tags r:id="rId30"/>
            </p:custDataLst>
          </p:nvPr>
        </p:nvCxnSpPr>
        <p:spPr>
          <a:xfrm>
            <a:off x="3514682" y="11709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" name="OTLSHAPE_TB_00000000000000000000000000000000_Separator4">
            <a:extLst>
              <a:ext uri="{FF2B5EF4-FFF2-40B4-BE49-F238E27FC236}">
                <a16:creationId xmlns:a16="http://schemas.microsoft.com/office/drawing/2014/main" id="{2C11A15F-57EA-A1EA-D432-6DF7AA53D422}"/>
              </a:ext>
            </a:extLst>
          </p:cNvPr>
          <p:cNvCxnSpPr/>
          <p:nvPr>
            <p:custDataLst>
              <p:tags r:id="rId31"/>
            </p:custDataLst>
          </p:nvPr>
        </p:nvCxnSpPr>
        <p:spPr>
          <a:xfrm>
            <a:off x="4375121" y="11709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3" name="OTLSHAPE_TB_00000000000000000000000000000000_Separator5">
            <a:extLst>
              <a:ext uri="{FF2B5EF4-FFF2-40B4-BE49-F238E27FC236}">
                <a16:creationId xmlns:a16="http://schemas.microsoft.com/office/drawing/2014/main" id="{77AD1F45-EBCD-C741-0479-1CE7329E048A}"/>
              </a:ext>
            </a:extLst>
          </p:cNvPr>
          <p:cNvCxnSpPr/>
          <p:nvPr>
            <p:custDataLst>
              <p:tags r:id="rId32"/>
            </p:custDataLst>
          </p:nvPr>
        </p:nvCxnSpPr>
        <p:spPr>
          <a:xfrm>
            <a:off x="5235560" y="11709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" name="OTLSHAPE_TB_00000000000000000000000000000000_Separator6">
            <a:extLst>
              <a:ext uri="{FF2B5EF4-FFF2-40B4-BE49-F238E27FC236}">
                <a16:creationId xmlns:a16="http://schemas.microsoft.com/office/drawing/2014/main" id="{C90C937D-5EA7-5EED-4D40-B43AC6275909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6096000" y="11709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" name="OTLSHAPE_TB_00000000000000000000000000000000_Separator7">
            <a:extLst>
              <a:ext uri="{FF2B5EF4-FFF2-40B4-BE49-F238E27FC236}">
                <a16:creationId xmlns:a16="http://schemas.microsoft.com/office/drawing/2014/main" id="{1D7062D0-2C87-B2A4-639F-A50C3C8B6E5D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6956439" y="11709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9" name="OTLSHAPE_TB_00000000000000000000000000000000_Separator8">
            <a:extLst>
              <a:ext uri="{FF2B5EF4-FFF2-40B4-BE49-F238E27FC236}">
                <a16:creationId xmlns:a16="http://schemas.microsoft.com/office/drawing/2014/main" id="{0F3DCDA0-AD50-E163-9217-95786B6AAF9B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7816878" y="11709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1" name="OTLSHAPE_TB_00000000000000000000000000000000_Separator9">
            <a:extLst>
              <a:ext uri="{FF2B5EF4-FFF2-40B4-BE49-F238E27FC236}">
                <a16:creationId xmlns:a16="http://schemas.microsoft.com/office/drawing/2014/main" id="{97E46E7A-637D-F4D9-D7ED-B6FE3A0BC8FC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8677317" y="11709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3" name="OTLSHAPE_TB_00000000000000000000000000000000_Separator10">
            <a:extLst>
              <a:ext uri="{FF2B5EF4-FFF2-40B4-BE49-F238E27FC236}">
                <a16:creationId xmlns:a16="http://schemas.microsoft.com/office/drawing/2014/main" id="{3B07FD61-3504-76FC-465A-D5CC8BBA1B49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9537757" y="11709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" name="OTLSHAPE_TB_00000000000000000000000000000000_Separator11">
            <a:extLst>
              <a:ext uri="{FF2B5EF4-FFF2-40B4-BE49-F238E27FC236}">
                <a16:creationId xmlns:a16="http://schemas.microsoft.com/office/drawing/2014/main" id="{78815827-2FDF-D035-BC69-B45736F783EA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10398196" y="117094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8" name="OTLSHAPE_TB_00000000000000000000000000000000_MiddleSeparator1">
            <a:extLst>
              <a:ext uri="{FF2B5EF4-FFF2-40B4-BE49-F238E27FC236}">
                <a16:creationId xmlns:a16="http://schemas.microsoft.com/office/drawing/2014/main" id="{CCB05173-99D9-F26B-542C-A996DA6AD90A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1950247" y="13629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0" name="OTLSHAPE_TB_00000000000000000000000000000000_MiddleSeparator2">
            <a:extLst>
              <a:ext uri="{FF2B5EF4-FFF2-40B4-BE49-F238E27FC236}">
                <a16:creationId xmlns:a16="http://schemas.microsoft.com/office/drawing/2014/main" id="{05D735CD-B50E-920C-5464-03D1D4D0C880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3045352" y="13629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2" name="OTLSHAPE_TB_00000000000000000000000000000000_MiddleSeparator3">
            <a:extLst>
              <a:ext uri="{FF2B5EF4-FFF2-40B4-BE49-F238E27FC236}">
                <a16:creationId xmlns:a16="http://schemas.microsoft.com/office/drawing/2014/main" id="{9E6F78B5-37DD-B31C-F603-614FF1A2F316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4140456" y="13629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4" name="OTLSHAPE_TB_00000000000000000000000000000000_MiddleSeparator4">
            <a:extLst>
              <a:ext uri="{FF2B5EF4-FFF2-40B4-BE49-F238E27FC236}">
                <a16:creationId xmlns:a16="http://schemas.microsoft.com/office/drawing/2014/main" id="{0919B527-08C5-3A1A-049A-CAA4E4964428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5235560" y="13629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" name="OTLSHAPE_TB_00000000000000000000000000000000_MiddleSeparator5">
            <a:extLst>
              <a:ext uri="{FF2B5EF4-FFF2-40B4-BE49-F238E27FC236}">
                <a16:creationId xmlns:a16="http://schemas.microsoft.com/office/drawing/2014/main" id="{95382C2A-1AC1-FD6E-C147-12E5CFBEA8FA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6330665" y="13629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8" name="OTLSHAPE_TB_00000000000000000000000000000000_MiddleSeparator6">
            <a:extLst>
              <a:ext uri="{FF2B5EF4-FFF2-40B4-BE49-F238E27FC236}">
                <a16:creationId xmlns:a16="http://schemas.microsoft.com/office/drawing/2014/main" id="{A6B7A2FF-CE4F-9B31-8C6C-8068D390604F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7425769" y="13629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0" name="OTLSHAPE_TB_00000000000000000000000000000000_MiddleSeparator7">
            <a:extLst>
              <a:ext uri="{FF2B5EF4-FFF2-40B4-BE49-F238E27FC236}">
                <a16:creationId xmlns:a16="http://schemas.microsoft.com/office/drawing/2014/main" id="{4BD54C2B-C0CD-04F2-6DC8-BB4E69EB1C5A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8520874" y="13629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2" name="OTLSHAPE_TB_00000000000000000000000000000000_MiddleSeparator8">
            <a:extLst>
              <a:ext uri="{FF2B5EF4-FFF2-40B4-BE49-F238E27FC236}">
                <a16:creationId xmlns:a16="http://schemas.microsoft.com/office/drawing/2014/main" id="{4E3D0D8B-B69E-2030-0CBB-E057B69407A1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9615978" y="13629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4" name="OTLSHAPE_TB_00000000000000000000000000000000_MiddleSeparator9">
            <a:extLst>
              <a:ext uri="{FF2B5EF4-FFF2-40B4-BE49-F238E27FC236}">
                <a16:creationId xmlns:a16="http://schemas.microsoft.com/office/drawing/2014/main" id="{AE009347-E34D-02F4-CDAE-05BC49106061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10711083" y="136296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0" name="OTLSHAPE_T_62e37bf358674c70b2cefa2a5694774d_Shape">
            <a:extLst>
              <a:ext uri="{FF2B5EF4-FFF2-40B4-BE49-F238E27FC236}">
                <a16:creationId xmlns:a16="http://schemas.microsoft.com/office/drawing/2014/main" id="{4814291C-7E6B-0FFB-3665-2DBB9F69638C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011587" y="1758188"/>
            <a:ext cx="393700" cy="203200"/>
          </a:xfrm>
          <a:prstGeom prst="rect">
            <a:avLst/>
          </a:prstGeom>
          <a:solidFill>
            <a:srgbClr val="FFC0B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2" name="OTLSHAPE_T_da1670a4525d4bf897ab9d21981bf2d6_Shape">
            <a:extLst>
              <a:ext uri="{FF2B5EF4-FFF2-40B4-BE49-F238E27FC236}">
                <a16:creationId xmlns:a16="http://schemas.microsoft.com/office/drawing/2014/main" id="{1A80FE79-2285-3D37-BE21-D785EC6847D3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1402696" y="2024888"/>
            <a:ext cx="393700" cy="203200"/>
          </a:xfrm>
          <a:prstGeom prst="rect">
            <a:avLst/>
          </a:prstGeom>
          <a:solidFill>
            <a:srgbClr val="FFC0B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T_93a720d3b7ed44399bb52af0b2dc8a36_Shape">
            <a:extLst>
              <a:ext uri="{FF2B5EF4-FFF2-40B4-BE49-F238E27FC236}">
                <a16:creationId xmlns:a16="http://schemas.microsoft.com/office/drawing/2014/main" id="{581837EB-DA95-FAEB-7CAF-1537A5F86F35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793804" y="2291588"/>
            <a:ext cx="1181100" cy="203200"/>
          </a:xfrm>
          <a:prstGeom prst="rect">
            <a:avLst/>
          </a:prstGeom>
          <a:solidFill>
            <a:srgbClr val="FFC0B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6" name="OTLSHAPE_T_4ba8643018bd4a5487114cfa8d8319fb_Shape">
            <a:extLst>
              <a:ext uri="{FF2B5EF4-FFF2-40B4-BE49-F238E27FC236}">
                <a16:creationId xmlns:a16="http://schemas.microsoft.com/office/drawing/2014/main" id="{5E0D286E-72C6-69CA-FC5B-4F83777B6EE1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967131" y="2558288"/>
            <a:ext cx="1574800" cy="203200"/>
          </a:xfrm>
          <a:prstGeom prst="rect">
            <a:avLst/>
          </a:prstGeom>
          <a:solidFill>
            <a:srgbClr val="FFC0B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8" name="OTLSHAPE_T_55f0e0f88e3d4c02a835c702182bd9ae_Shape">
            <a:extLst>
              <a:ext uri="{FF2B5EF4-FFF2-40B4-BE49-F238E27FC236}">
                <a16:creationId xmlns:a16="http://schemas.microsoft.com/office/drawing/2014/main" id="{3B095505-C1E0-3E94-78CA-08F69ED91B2F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967131" y="2824988"/>
            <a:ext cx="23495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0" name="OTLSHAPE_T_e5948836f6c745ae8dcd687c0c5cfc41_Shape">
            <a:extLst>
              <a:ext uri="{FF2B5EF4-FFF2-40B4-BE49-F238E27FC236}">
                <a16:creationId xmlns:a16="http://schemas.microsoft.com/office/drawing/2014/main" id="{9841C89C-7468-E29B-5D85-257B711BD042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2967131" y="3091688"/>
            <a:ext cx="1574800" cy="203200"/>
          </a:xfrm>
          <a:prstGeom prst="rect">
            <a:avLst/>
          </a:prstGeom>
          <a:solidFill>
            <a:srgbClr val="FFC0B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2" name="OTLSHAPE_T_e0f19ee8d4244d418ce321d9de10fcf1_Shape">
            <a:extLst>
              <a:ext uri="{FF2B5EF4-FFF2-40B4-BE49-F238E27FC236}">
                <a16:creationId xmlns:a16="http://schemas.microsoft.com/office/drawing/2014/main" id="{2C215F01-ECC4-0530-9380-F1FC97431424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4531566" y="3358388"/>
            <a:ext cx="4699000" cy="203200"/>
          </a:xfrm>
          <a:prstGeom prst="rect">
            <a:avLst/>
          </a:prstGeom>
          <a:solidFill>
            <a:srgbClr val="FFC0B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4" name="OTLSHAPE_T_60b9516341c848e6a56561ecca02277d_Shape">
            <a:extLst>
              <a:ext uri="{FF2B5EF4-FFF2-40B4-BE49-F238E27FC236}">
                <a16:creationId xmlns:a16="http://schemas.microsoft.com/office/drawing/2014/main" id="{7B6B8010-244D-55FF-5B38-41AC33A3C637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2967131" y="3625088"/>
            <a:ext cx="558800" cy="203200"/>
          </a:xfrm>
          <a:prstGeom prst="rect">
            <a:avLst/>
          </a:prstGeom>
          <a:solidFill>
            <a:srgbClr val="FFC0B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6" name="OTLSHAPE_T_b7519e513ab94aa98d11153ad54c2eef_Shape">
            <a:extLst>
              <a:ext uri="{FF2B5EF4-FFF2-40B4-BE49-F238E27FC236}">
                <a16:creationId xmlns:a16="http://schemas.microsoft.com/office/drawing/2014/main" id="{CB9C8272-D601-C1C0-3181-316653037937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4531566" y="3891788"/>
            <a:ext cx="1574800" cy="203200"/>
          </a:xfrm>
          <a:prstGeom prst="rect">
            <a:avLst/>
          </a:prstGeom>
          <a:solidFill>
            <a:srgbClr val="FFC0B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8" name="OTLSHAPE_T_c0309460b5124a63aebd1caccf21462e_Shape">
            <a:extLst>
              <a:ext uri="{FF2B5EF4-FFF2-40B4-BE49-F238E27FC236}">
                <a16:creationId xmlns:a16="http://schemas.microsoft.com/office/drawing/2014/main" id="{691F5C41-4966-13F2-7F27-1C54692AE6D6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6096000" y="4158488"/>
            <a:ext cx="2349500" cy="203200"/>
          </a:xfrm>
          <a:prstGeom prst="rect">
            <a:avLst/>
          </a:prstGeom>
          <a:solidFill>
            <a:srgbClr val="FFC0B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T_878ab2bd394e404383441eee2eff11e8_Shape">
            <a:extLst>
              <a:ext uri="{FF2B5EF4-FFF2-40B4-BE49-F238E27FC236}">
                <a16:creationId xmlns:a16="http://schemas.microsoft.com/office/drawing/2014/main" id="{79CB599A-B6C9-5136-4EE6-7E631F96704B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096000" y="4425188"/>
            <a:ext cx="2514600" cy="203200"/>
          </a:xfrm>
          <a:prstGeom prst="rect">
            <a:avLst/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2" name="OTLSHAPE_T_7788d4f0a25d41d8b8bcdeadfec9d616_Shape">
            <a:extLst>
              <a:ext uri="{FF2B5EF4-FFF2-40B4-BE49-F238E27FC236}">
                <a16:creationId xmlns:a16="http://schemas.microsoft.com/office/drawing/2014/main" id="{8087BCA7-E1CA-5AF4-80A3-E95B5D633C01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8442653" y="4691888"/>
            <a:ext cx="787400" cy="203200"/>
          </a:xfrm>
          <a:prstGeom prst="rect">
            <a:avLst/>
          </a:prstGeom>
          <a:solidFill>
            <a:srgbClr val="FFC0B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4" name="OTLSHAPE_T_1c222fb7734b4613b4fa30a0ea6ee1eb_Shape">
            <a:extLst>
              <a:ext uri="{FF2B5EF4-FFF2-40B4-BE49-F238E27FC236}">
                <a16:creationId xmlns:a16="http://schemas.microsoft.com/office/drawing/2014/main" id="{92CF6C10-16E8-F81E-6104-F4BC5B2E0D4A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9224870" y="4958588"/>
            <a:ext cx="241300" cy="203200"/>
          </a:xfrm>
          <a:prstGeom prst="rect">
            <a:avLst/>
          </a:prstGeom>
          <a:solidFill>
            <a:srgbClr val="FFC0B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6" name="OTLSHAPE_T_2a07301f276c4109957e204c4c098a0c_Shape">
            <a:extLst>
              <a:ext uri="{FF2B5EF4-FFF2-40B4-BE49-F238E27FC236}">
                <a16:creationId xmlns:a16="http://schemas.microsoft.com/office/drawing/2014/main" id="{D5E5D00C-731E-467A-AA75-41EF5DD3A1E5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9459536" y="5225288"/>
            <a:ext cx="787400" cy="203200"/>
          </a:xfrm>
          <a:prstGeom prst="rect">
            <a:avLst/>
          </a:prstGeom>
          <a:solidFill>
            <a:srgbClr val="FFC0B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8" name="OTLSHAPE_T_33bf0875d58b49a789d2beea1f413f4d_Shape">
            <a:extLst>
              <a:ext uri="{FF2B5EF4-FFF2-40B4-BE49-F238E27FC236}">
                <a16:creationId xmlns:a16="http://schemas.microsoft.com/office/drawing/2014/main" id="{86B73971-E53A-D99B-506E-BECF6233DAB0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10241753" y="5491988"/>
            <a:ext cx="241300" cy="203200"/>
          </a:xfrm>
          <a:prstGeom prst="rect">
            <a:avLst/>
          </a:prstGeom>
          <a:solidFill>
            <a:srgbClr val="FFC0B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0" name="OTLSHAPE_T_35e231f11cb14252a87ab895684c2398_Shape">
            <a:extLst>
              <a:ext uri="{FF2B5EF4-FFF2-40B4-BE49-F238E27FC236}">
                <a16:creationId xmlns:a16="http://schemas.microsoft.com/office/drawing/2014/main" id="{0B124AEF-E8E9-45F0-DBC9-E71A06BE715E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10476418" y="5758688"/>
            <a:ext cx="241300" cy="203200"/>
          </a:xfrm>
          <a:prstGeom prst="rect">
            <a:avLst/>
          </a:prstGeom>
          <a:solidFill>
            <a:srgbClr val="FFC0B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2" name="OTLSHAPE_T_f78d59fdb830438b973f1a4b049d0111_Shape">
            <a:extLst>
              <a:ext uri="{FF2B5EF4-FFF2-40B4-BE49-F238E27FC236}">
                <a16:creationId xmlns:a16="http://schemas.microsoft.com/office/drawing/2014/main" id="{A9EA1DD5-B7C0-0E4E-F50F-8123FD080EA8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10711083" y="6025388"/>
            <a:ext cx="241300" cy="203200"/>
          </a:xfrm>
          <a:prstGeom prst="rect">
            <a:avLst/>
          </a:prstGeom>
          <a:solidFill>
            <a:srgbClr val="FFC0B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" name="OTLSHAPE_T_f95135f381d7485d9a30a9bb512563c7_Shape">
            <a:extLst>
              <a:ext uri="{FF2B5EF4-FFF2-40B4-BE49-F238E27FC236}">
                <a16:creationId xmlns:a16="http://schemas.microsoft.com/office/drawing/2014/main" id="{54151B76-6ABC-8C83-99B4-48D2FA6F5F3C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10945749" y="6292088"/>
            <a:ext cx="241300" cy="203200"/>
          </a:xfrm>
          <a:prstGeom prst="rect">
            <a:avLst/>
          </a:prstGeom>
          <a:solidFill>
            <a:srgbClr val="FFC0B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8" name="OTLSHAPE_T_30cb1b01901a4f5ca40d4ec4051e5788_Shape">
            <a:extLst>
              <a:ext uri="{FF2B5EF4-FFF2-40B4-BE49-F238E27FC236}">
                <a16:creationId xmlns:a16="http://schemas.microsoft.com/office/drawing/2014/main" id="{32247D90-FDE9-B46B-00E3-1A3DBC268958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5313783" y="2824988"/>
            <a:ext cx="16510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6" name="OTLSHAPE_T_506b9996fda748e09855b73b811abf98_Shape">
            <a:extLst>
              <a:ext uri="{FF2B5EF4-FFF2-40B4-BE49-F238E27FC236}">
                <a16:creationId xmlns:a16="http://schemas.microsoft.com/office/drawing/2014/main" id="{135C1721-7551-EA4B-FAD9-ADBFE8C8E318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8599096" y="4425188"/>
            <a:ext cx="6350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T_62e37bf358674c70b2cefa2a5694774d_Title">
            <a:extLst>
              <a:ext uri="{FF2B5EF4-FFF2-40B4-BE49-F238E27FC236}">
                <a16:creationId xmlns:a16="http://schemas.microsoft.com/office/drawing/2014/main" id="{3C143751-F903-62EC-0533-27DC5836633E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1504242" y="1782276"/>
            <a:ext cx="1244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Define event objectives</a:t>
            </a:r>
          </a:p>
        </p:txBody>
      </p:sp>
      <p:sp>
        <p:nvSpPr>
          <p:cNvPr id="34" name="OTLSHAPE_T_da1670a4525d4bf897ab9d21981bf2d6_Title">
            <a:extLst>
              <a:ext uri="{FF2B5EF4-FFF2-40B4-BE49-F238E27FC236}">
                <a16:creationId xmlns:a16="http://schemas.microsoft.com/office/drawing/2014/main" id="{ED8E52D5-0DC1-2155-7192-539CD7A74B68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895350" y="2048976"/>
            <a:ext cx="1041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Select team leaders</a:t>
            </a:r>
          </a:p>
        </p:txBody>
      </p:sp>
      <p:sp>
        <p:nvSpPr>
          <p:cNvPr id="42" name="OTLSHAPE_T_93a720d3b7ed44399bb52af0b2dc8a36_Title">
            <a:extLst>
              <a:ext uri="{FF2B5EF4-FFF2-40B4-BE49-F238E27FC236}">
                <a16:creationId xmlns:a16="http://schemas.microsoft.com/office/drawing/2014/main" id="{152DE09A-FB23-DEDD-317D-BC7F423298BA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068676" y="2315676"/>
            <a:ext cx="1143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repare event budget</a:t>
            </a:r>
          </a:p>
        </p:txBody>
      </p:sp>
      <p:sp>
        <p:nvSpPr>
          <p:cNvPr id="50" name="OTLSHAPE_T_4ba8643018bd4a5487114cfa8d8319fb_Title">
            <a:extLst>
              <a:ext uri="{FF2B5EF4-FFF2-40B4-BE49-F238E27FC236}">
                <a16:creationId xmlns:a16="http://schemas.microsoft.com/office/drawing/2014/main" id="{D080249B-BD51-7795-4CF5-962B315D48CB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3393361" y="2582376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Book a venue</a:t>
            </a:r>
          </a:p>
        </p:txBody>
      </p:sp>
      <p:sp>
        <p:nvSpPr>
          <p:cNvPr id="58" name="OTLSHAPE_T_55f0e0f88e3d4c02a835c702182bd9ae_Title">
            <a:extLst>
              <a:ext uri="{FF2B5EF4-FFF2-40B4-BE49-F238E27FC236}">
                <a16:creationId xmlns:a16="http://schemas.microsoft.com/office/drawing/2014/main" id="{12099928-FF2E-4377-9E66-C73B5E51792F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3512499" y="2849076"/>
            <a:ext cx="1257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Develop marketing plan</a:t>
            </a:r>
          </a:p>
        </p:txBody>
      </p:sp>
      <p:sp>
        <p:nvSpPr>
          <p:cNvPr id="66" name="OTLSHAPE_T_e5948836f6c745ae8dcd687c0c5cfc41_Title">
            <a:extLst>
              <a:ext uri="{FF2B5EF4-FFF2-40B4-BE49-F238E27FC236}">
                <a16:creationId xmlns:a16="http://schemas.microsoft.com/office/drawing/2014/main" id="{33F706B6-685D-42AF-E445-5E39A82420D0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286364" y="3115776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Research vendors</a:t>
            </a:r>
          </a:p>
        </p:txBody>
      </p:sp>
      <p:sp>
        <p:nvSpPr>
          <p:cNvPr id="74" name="OTLSHAPE_T_e0f19ee8d4244d418ce321d9de10fcf1_Title">
            <a:extLst>
              <a:ext uri="{FF2B5EF4-FFF2-40B4-BE49-F238E27FC236}">
                <a16:creationId xmlns:a16="http://schemas.microsoft.com/office/drawing/2014/main" id="{6271A73B-8D42-24C4-98DA-532CF75A1D0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481443" y="3382476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Obtain permits</a:t>
            </a:r>
          </a:p>
        </p:txBody>
      </p:sp>
      <p:sp>
        <p:nvSpPr>
          <p:cNvPr id="82" name="OTLSHAPE_T_60b9516341c848e6a56561ecca02277d_Title">
            <a:extLst>
              <a:ext uri="{FF2B5EF4-FFF2-40B4-BE49-F238E27FC236}">
                <a16:creationId xmlns:a16="http://schemas.microsoft.com/office/drawing/2014/main" id="{C3A969DF-F58D-B7F2-E99C-60FD35AFDE4E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3565428" y="3649176"/>
            <a:ext cx="172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Secure accommodations for staff</a:t>
            </a:r>
          </a:p>
        </p:txBody>
      </p:sp>
      <p:sp>
        <p:nvSpPr>
          <p:cNvPr id="90" name="OTLSHAPE_T_b7519e513ab94aa98d11153ad54c2eef_Title">
            <a:extLst>
              <a:ext uri="{FF2B5EF4-FFF2-40B4-BE49-F238E27FC236}">
                <a16:creationId xmlns:a16="http://schemas.microsoft.com/office/drawing/2014/main" id="{663C459B-6453-C55A-543C-08DCCD876C06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4850629" y="3915876"/>
            <a:ext cx="927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Confirm suppliers</a:t>
            </a:r>
          </a:p>
        </p:txBody>
      </p:sp>
      <p:sp>
        <p:nvSpPr>
          <p:cNvPr id="98" name="OTLSHAPE_T_c0309460b5124a63aebd1caccf21462e_Title">
            <a:extLst>
              <a:ext uri="{FF2B5EF4-FFF2-40B4-BE49-F238E27FC236}">
                <a16:creationId xmlns:a16="http://schemas.microsoft.com/office/drawing/2014/main" id="{3D0FF236-78A2-1102-D08E-C3765A49F58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821519" y="4182576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eview contracts</a:t>
            </a:r>
          </a:p>
        </p:txBody>
      </p:sp>
      <p:sp>
        <p:nvSpPr>
          <p:cNvPr id="106" name="OTLSHAPE_T_878ab2bd394e404383441eee2eff11e8_Title">
            <a:extLst>
              <a:ext uri="{FF2B5EF4-FFF2-40B4-BE49-F238E27FC236}">
                <a16:creationId xmlns:a16="http://schemas.microsoft.com/office/drawing/2014/main" id="{429F944D-C13F-958C-1425-73A2B6FA26B9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500473" y="4449276"/>
            <a:ext cx="170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Create and distribute invitations</a:t>
            </a:r>
          </a:p>
        </p:txBody>
      </p:sp>
      <p:sp>
        <p:nvSpPr>
          <p:cNvPr id="114" name="OTLSHAPE_T_7788d4f0a25d41d8b8bcdeadfec9d616_Title">
            <a:extLst>
              <a:ext uri="{FF2B5EF4-FFF2-40B4-BE49-F238E27FC236}">
                <a16:creationId xmlns:a16="http://schemas.microsoft.com/office/drawing/2014/main" id="{85B8334D-DF92-C2CF-03CD-E6A9C6BBAE4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7909795" y="47159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14">
                <a:solidFill>
                  <a:schemeClr val="dk1"/>
                </a:solidFill>
                <a:latin typeface="Calibri" panose="020F0502020204030204" pitchFamily="34" charset="0"/>
              </a:rPr>
              <a:t>Task 13</a:t>
            </a:r>
          </a:p>
        </p:txBody>
      </p:sp>
      <p:sp>
        <p:nvSpPr>
          <p:cNvPr id="122" name="OTLSHAPE_T_1c222fb7734b4613b4fa30a0ea6ee1eb_Title">
            <a:extLst>
              <a:ext uri="{FF2B5EF4-FFF2-40B4-BE49-F238E27FC236}">
                <a16:creationId xmlns:a16="http://schemas.microsoft.com/office/drawing/2014/main" id="{426BA9E8-312B-ECA6-6E6A-B2CDE66B2BC8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692012" y="49826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14">
                <a:solidFill>
                  <a:schemeClr val="dk1"/>
                </a:solidFill>
                <a:latin typeface="Calibri" panose="020F0502020204030204" pitchFamily="34" charset="0"/>
              </a:rPr>
              <a:t>Task 14</a:t>
            </a:r>
          </a:p>
        </p:txBody>
      </p:sp>
      <p:sp>
        <p:nvSpPr>
          <p:cNvPr id="130" name="OTLSHAPE_T_2a07301f276c4109957e204c4c098a0c_Title">
            <a:extLst>
              <a:ext uri="{FF2B5EF4-FFF2-40B4-BE49-F238E27FC236}">
                <a16:creationId xmlns:a16="http://schemas.microsoft.com/office/drawing/2014/main" id="{7B46E5C1-40EB-9890-4F52-E462812DD1FA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8926678" y="52493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14">
                <a:solidFill>
                  <a:schemeClr val="dk1"/>
                </a:solidFill>
                <a:latin typeface="Calibri" panose="020F0502020204030204" pitchFamily="34" charset="0"/>
              </a:rPr>
              <a:t>Task 15</a:t>
            </a:r>
          </a:p>
        </p:txBody>
      </p:sp>
      <p:sp>
        <p:nvSpPr>
          <p:cNvPr id="138" name="OTLSHAPE_T_33bf0875d58b49a789d2beea1f413f4d_Title">
            <a:extLst>
              <a:ext uri="{FF2B5EF4-FFF2-40B4-BE49-F238E27FC236}">
                <a16:creationId xmlns:a16="http://schemas.microsoft.com/office/drawing/2014/main" id="{22B50B97-EDB7-1735-D027-5856618306DD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708895" y="55160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14">
                <a:solidFill>
                  <a:schemeClr val="dk1"/>
                </a:solidFill>
                <a:latin typeface="Calibri" panose="020F0502020204030204" pitchFamily="34" charset="0"/>
              </a:rPr>
              <a:t>Task 16</a:t>
            </a:r>
          </a:p>
        </p:txBody>
      </p:sp>
      <p:sp>
        <p:nvSpPr>
          <p:cNvPr id="146" name="OTLSHAPE_T_35e231f11cb14252a87ab895684c2398_Title">
            <a:extLst>
              <a:ext uri="{FF2B5EF4-FFF2-40B4-BE49-F238E27FC236}">
                <a16:creationId xmlns:a16="http://schemas.microsoft.com/office/drawing/2014/main" id="{DD1B22B3-1D8C-C006-E4E3-A7CCFA0F992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9943560" y="57827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14">
                <a:solidFill>
                  <a:schemeClr val="dk1"/>
                </a:solidFill>
                <a:latin typeface="Calibri" panose="020F0502020204030204" pitchFamily="34" charset="0"/>
              </a:rPr>
              <a:t>Task 17</a:t>
            </a:r>
          </a:p>
        </p:txBody>
      </p:sp>
      <p:sp>
        <p:nvSpPr>
          <p:cNvPr id="154" name="OTLSHAPE_T_f78d59fdb830438b973f1a4b049d0111_Title">
            <a:extLst>
              <a:ext uri="{FF2B5EF4-FFF2-40B4-BE49-F238E27FC236}">
                <a16:creationId xmlns:a16="http://schemas.microsoft.com/office/drawing/2014/main" id="{A4E5AA19-4E11-0D65-97A0-8D4AE921EBD7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0178225" y="60494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14">
                <a:solidFill>
                  <a:schemeClr val="dk1"/>
                </a:solidFill>
                <a:latin typeface="Calibri" panose="020F0502020204030204" pitchFamily="34" charset="0"/>
              </a:rPr>
              <a:t>Task 18</a:t>
            </a:r>
          </a:p>
        </p:txBody>
      </p:sp>
      <p:sp>
        <p:nvSpPr>
          <p:cNvPr id="162" name="OTLSHAPE_T_f95135f381d7485d9a30a9bb512563c7_Title">
            <a:extLst>
              <a:ext uri="{FF2B5EF4-FFF2-40B4-BE49-F238E27FC236}">
                <a16:creationId xmlns:a16="http://schemas.microsoft.com/office/drawing/2014/main" id="{E90CBFD9-E2BD-708C-A8F5-BB2DB1D7E559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412891" y="631617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14">
                <a:solidFill>
                  <a:schemeClr val="dk1"/>
                </a:solidFill>
                <a:latin typeface="Calibri" panose="020F0502020204030204" pitchFamily="34" charset="0"/>
              </a:rPr>
              <a:t>Task 19</a:t>
            </a:r>
          </a:p>
        </p:txBody>
      </p:sp>
      <p:sp>
        <p:nvSpPr>
          <p:cNvPr id="254" name="OTLSHAPE_T_30cb1b01901a4f5ca40d4ec4051e5788_Title">
            <a:extLst>
              <a:ext uri="{FF2B5EF4-FFF2-40B4-BE49-F238E27FC236}">
                <a16:creationId xmlns:a16="http://schemas.microsoft.com/office/drawing/2014/main" id="{D54E7048-59CE-F2BE-A08D-7ED331E82CF7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001078" y="2849076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Slack</a:t>
            </a:r>
          </a:p>
        </p:txBody>
      </p:sp>
      <p:sp>
        <p:nvSpPr>
          <p:cNvPr id="262" name="OTLSHAPE_T_506b9996fda748e09855b73b811abf98_Title">
            <a:extLst>
              <a:ext uri="{FF2B5EF4-FFF2-40B4-BE49-F238E27FC236}">
                <a16:creationId xmlns:a16="http://schemas.microsoft.com/office/drawing/2014/main" id="{13124AB8-8FAA-2B52-CEBE-F52E0B84E1A7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8777950" y="4449276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Slack</a:t>
            </a:r>
          </a:p>
        </p:txBody>
      </p:sp>
      <p:sp>
        <p:nvSpPr>
          <p:cNvPr id="169" name="OTLSHAPE_M_788d87ee48f0482a8ee882951173b95b_Shape">
            <a:extLst>
              <a:ext uri="{FF2B5EF4-FFF2-40B4-BE49-F238E27FC236}">
                <a16:creationId xmlns:a16="http://schemas.microsoft.com/office/drawing/2014/main" id="{E4888A7E-FB83-AAF3-934B-F9D2217C35C6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 rot="16200000">
            <a:off x="1043283" y="820378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7" name="OTLSHAPE_M_ddc5c6ab9a8743a7acf975f624915af6_Shape">
            <a:extLst>
              <a:ext uri="{FF2B5EF4-FFF2-40B4-BE49-F238E27FC236}">
                <a16:creationId xmlns:a16="http://schemas.microsoft.com/office/drawing/2014/main" id="{5608A8D9-50D4-1954-3B44-8E3D92B7F141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 rot="5400000">
            <a:off x="11061731" y="820378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M_788d87ee48f0482a8ee882951173b95b_Title">
            <a:extLst>
              <a:ext uri="{FF2B5EF4-FFF2-40B4-BE49-F238E27FC236}">
                <a16:creationId xmlns:a16="http://schemas.microsoft.com/office/drawing/2014/main" id="{C0A27B7B-8EF1-3FA2-0979-EE1FC4F2F637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40133" y="80001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b="1" spc="-22">
                <a:solidFill>
                  <a:schemeClr val="dk1"/>
                </a:solidFill>
                <a:latin typeface="Calibri" panose="020F0502020204030204" pitchFamily="34" charset="0"/>
              </a:rPr>
              <a:t>START</a:t>
            </a:r>
          </a:p>
        </p:txBody>
      </p:sp>
      <p:sp>
        <p:nvSpPr>
          <p:cNvPr id="16" name="OTLSHAPE_M_ddc5c6ab9a8743a7acf975f624915af6_Title">
            <a:extLst>
              <a:ext uri="{FF2B5EF4-FFF2-40B4-BE49-F238E27FC236}">
                <a16:creationId xmlns:a16="http://schemas.microsoft.com/office/drawing/2014/main" id="{F6A2251C-AA06-3896-695B-B722EEDEA00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0673789" y="80001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FINISH</a:t>
            </a:r>
          </a:p>
        </p:txBody>
      </p:sp>
      <p:sp>
        <p:nvSpPr>
          <p:cNvPr id="278" name="OTLSHAPE_D_7f69313c0aac497d847c35daed6bc31b_Line">
            <a:extLst>
              <a:ext uri="{FF2B5EF4-FFF2-40B4-BE49-F238E27FC236}">
                <a16:creationId xmlns:a16="http://schemas.microsoft.com/office/drawing/2014/main" id="{7ABAE1E6-EC3D-66E4-2FE4-486B3AD3671E}"/>
              </a:ext>
            </a:extLst>
          </p:cNvPr>
          <p:cNvSpPr/>
          <p:nvPr>
            <p:custDataLst>
              <p:tags r:id="rId92"/>
            </p:custDataLst>
          </p:nvPr>
        </p:nvSpPr>
        <p:spPr>
          <a:xfrm>
            <a:off x="1299352" y="1859788"/>
            <a:ext cx="160441" cy="266701"/>
          </a:xfrm>
          <a:custGeom>
            <a:avLst/>
            <a:gdLst/>
            <a:ahLst/>
            <a:cxnLst/>
            <a:rect l="0" t="0" r="0" b="0"/>
            <a:pathLst>
              <a:path w="160441" h="266701">
                <a:moveTo>
                  <a:pt x="103290" y="0"/>
                </a:moveTo>
                <a:lnTo>
                  <a:pt x="160440" y="0"/>
                </a:lnTo>
                <a:lnTo>
                  <a:pt x="160440" y="133350"/>
                </a:lnTo>
                <a:lnTo>
                  <a:pt x="0" y="133350"/>
                </a:lnTo>
                <a:lnTo>
                  <a:pt x="0" y="266700"/>
                </a:lnTo>
                <a:lnTo>
                  <a:pt x="103344" y="2667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9" name="OTLSHAPE_D_d2bb424d9d7f43dcb8257948a0dea328_Line">
            <a:extLst>
              <a:ext uri="{FF2B5EF4-FFF2-40B4-BE49-F238E27FC236}">
                <a16:creationId xmlns:a16="http://schemas.microsoft.com/office/drawing/2014/main" id="{90FCE500-9DCA-5563-A469-9184F0202666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1690461" y="2126488"/>
            <a:ext cx="160440" cy="266701"/>
          </a:xfrm>
          <a:custGeom>
            <a:avLst/>
            <a:gdLst/>
            <a:ahLst/>
            <a:cxnLst/>
            <a:rect l="0" t="0" r="0" b="0"/>
            <a:pathLst>
              <a:path w="160440" h="266701">
                <a:moveTo>
                  <a:pt x="103289" y="0"/>
                </a:moveTo>
                <a:lnTo>
                  <a:pt x="160439" y="0"/>
                </a:lnTo>
                <a:lnTo>
                  <a:pt x="160439" y="133350"/>
                </a:lnTo>
                <a:lnTo>
                  <a:pt x="0" y="133350"/>
                </a:lnTo>
                <a:lnTo>
                  <a:pt x="0" y="266700"/>
                </a:lnTo>
                <a:lnTo>
                  <a:pt x="103343" y="2667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" name="OTLSHAPE_D_803336aa2f2e45a7b3a838edeb6745ff_Line">
            <a:extLst>
              <a:ext uri="{FF2B5EF4-FFF2-40B4-BE49-F238E27FC236}">
                <a16:creationId xmlns:a16="http://schemas.microsoft.com/office/drawing/2014/main" id="{3343A73B-56E3-3DBD-C589-566F7309EBB4}"/>
              </a:ext>
            </a:extLst>
          </p:cNvPr>
          <p:cNvSpPr/>
          <p:nvPr>
            <p:custDataLst>
              <p:tags r:id="rId94"/>
            </p:custDataLst>
          </p:nvPr>
        </p:nvSpPr>
        <p:spPr>
          <a:xfrm>
            <a:off x="2863787" y="2393188"/>
            <a:ext cx="160440" cy="266701"/>
          </a:xfrm>
          <a:custGeom>
            <a:avLst/>
            <a:gdLst/>
            <a:ahLst/>
            <a:cxnLst/>
            <a:rect l="0" t="0" r="0" b="0"/>
            <a:pathLst>
              <a:path w="160440" h="266701">
                <a:moveTo>
                  <a:pt x="103289" y="0"/>
                </a:moveTo>
                <a:lnTo>
                  <a:pt x="160439" y="0"/>
                </a:lnTo>
                <a:lnTo>
                  <a:pt x="160439" y="133350"/>
                </a:lnTo>
                <a:lnTo>
                  <a:pt x="0" y="133350"/>
                </a:lnTo>
                <a:lnTo>
                  <a:pt x="0" y="266700"/>
                </a:lnTo>
                <a:lnTo>
                  <a:pt x="103344" y="2667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1" name="OTLSHAPE_D_6161114e53c84ef184b5e51b99e73197_Line">
            <a:extLst>
              <a:ext uri="{FF2B5EF4-FFF2-40B4-BE49-F238E27FC236}">
                <a16:creationId xmlns:a16="http://schemas.microsoft.com/office/drawing/2014/main" id="{8B9E2BCE-C01F-CAF9-8786-56A4699F6DAA}"/>
              </a:ext>
            </a:extLst>
          </p:cNvPr>
          <p:cNvSpPr/>
          <p:nvPr>
            <p:custDataLst>
              <p:tags r:id="rId95"/>
            </p:custDataLst>
          </p:nvPr>
        </p:nvSpPr>
        <p:spPr>
          <a:xfrm>
            <a:off x="1793750" y="2126488"/>
            <a:ext cx="1173382" cy="800101"/>
          </a:xfrm>
          <a:custGeom>
            <a:avLst/>
            <a:gdLst/>
            <a:ahLst/>
            <a:cxnLst/>
            <a:rect l="0" t="0" r="0" b="0"/>
            <a:pathLst>
              <a:path w="1173382" h="800101">
                <a:moveTo>
                  <a:pt x="0" y="0"/>
                </a:moveTo>
                <a:lnTo>
                  <a:pt x="57150" y="0"/>
                </a:lnTo>
                <a:lnTo>
                  <a:pt x="57150" y="800100"/>
                </a:lnTo>
                <a:lnTo>
                  <a:pt x="1173381" y="8001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2" name="OTLSHAPE_D_cd892de6ad4042a2bcee1a531cbdedf8_Line">
            <a:extLst>
              <a:ext uri="{FF2B5EF4-FFF2-40B4-BE49-F238E27FC236}">
                <a16:creationId xmlns:a16="http://schemas.microsoft.com/office/drawing/2014/main" id="{782808B9-C423-CB80-A81B-DAFB601F969B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2863787" y="2393188"/>
            <a:ext cx="160440" cy="533401"/>
          </a:xfrm>
          <a:custGeom>
            <a:avLst/>
            <a:gdLst/>
            <a:ahLst/>
            <a:cxnLst/>
            <a:rect l="0" t="0" r="0" b="0"/>
            <a:pathLst>
              <a:path w="160440" h="533401">
                <a:moveTo>
                  <a:pt x="103289" y="0"/>
                </a:moveTo>
                <a:lnTo>
                  <a:pt x="160439" y="0"/>
                </a:lnTo>
                <a:lnTo>
                  <a:pt x="160439" y="133350"/>
                </a:lnTo>
                <a:lnTo>
                  <a:pt x="0" y="133350"/>
                </a:lnTo>
                <a:lnTo>
                  <a:pt x="0" y="533400"/>
                </a:lnTo>
                <a:lnTo>
                  <a:pt x="103344" y="5334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3" name="OTLSHAPE_D_15eac109de5041bdb8cb9097e5eb0656_Line">
            <a:extLst>
              <a:ext uri="{FF2B5EF4-FFF2-40B4-BE49-F238E27FC236}">
                <a16:creationId xmlns:a16="http://schemas.microsoft.com/office/drawing/2014/main" id="{BBFCAC7F-113E-2C39-6147-FC253AB0AE38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2863787" y="2393188"/>
            <a:ext cx="160440" cy="800101"/>
          </a:xfrm>
          <a:custGeom>
            <a:avLst/>
            <a:gdLst/>
            <a:ahLst/>
            <a:cxnLst/>
            <a:rect l="0" t="0" r="0" b="0"/>
            <a:pathLst>
              <a:path w="160440" h="800101">
                <a:moveTo>
                  <a:pt x="103289" y="0"/>
                </a:moveTo>
                <a:lnTo>
                  <a:pt x="160439" y="0"/>
                </a:lnTo>
                <a:lnTo>
                  <a:pt x="160439" y="133350"/>
                </a:lnTo>
                <a:lnTo>
                  <a:pt x="0" y="133350"/>
                </a:lnTo>
                <a:lnTo>
                  <a:pt x="0" y="800100"/>
                </a:lnTo>
                <a:lnTo>
                  <a:pt x="103344" y="8001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4" name="OTLSHAPE_D_1afb75964bfc44b7b2906b344d4adda9_Line">
            <a:extLst>
              <a:ext uri="{FF2B5EF4-FFF2-40B4-BE49-F238E27FC236}">
                <a16:creationId xmlns:a16="http://schemas.microsoft.com/office/drawing/2014/main" id="{63459704-4FC9-D78F-4387-0DAFDEA29D5F}"/>
              </a:ext>
            </a:extLst>
          </p:cNvPr>
          <p:cNvSpPr/>
          <p:nvPr>
            <p:custDataLst>
              <p:tags r:id="rId98"/>
            </p:custDataLst>
          </p:nvPr>
        </p:nvSpPr>
        <p:spPr>
          <a:xfrm>
            <a:off x="4428222" y="3193288"/>
            <a:ext cx="160440" cy="266701"/>
          </a:xfrm>
          <a:custGeom>
            <a:avLst/>
            <a:gdLst/>
            <a:ahLst/>
            <a:cxnLst/>
            <a:rect l="0" t="0" r="0" b="0"/>
            <a:pathLst>
              <a:path w="160440" h="266701">
                <a:moveTo>
                  <a:pt x="103289" y="0"/>
                </a:moveTo>
                <a:lnTo>
                  <a:pt x="160439" y="0"/>
                </a:lnTo>
                <a:lnTo>
                  <a:pt x="160439" y="133350"/>
                </a:lnTo>
                <a:lnTo>
                  <a:pt x="0" y="133350"/>
                </a:lnTo>
                <a:lnTo>
                  <a:pt x="0" y="266700"/>
                </a:lnTo>
                <a:lnTo>
                  <a:pt x="103344" y="2667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6" name="OTLSHAPE_D_6330b260881c45ab8cdf94f72fe5d7ed_Line">
            <a:extLst>
              <a:ext uri="{FF2B5EF4-FFF2-40B4-BE49-F238E27FC236}">
                <a16:creationId xmlns:a16="http://schemas.microsoft.com/office/drawing/2014/main" id="{0F3CB58A-9898-AA1D-D960-C2A7236979A0}"/>
              </a:ext>
            </a:extLst>
          </p:cNvPr>
          <p:cNvSpPr/>
          <p:nvPr>
            <p:custDataLst>
              <p:tags r:id="rId99"/>
            </p:custDataLst>
          </p:nvPr>
        </p:nvSpPr>
        <p:spPr>
          <a:xfrm>
            <a:off x="4428222" y="3193288"/>
            <a:ext cx="160440" cy="800101"/>
          </a:xfrm>
          <a:custGeom>
            <a:avLst/>
            <a:gdLst/>
            <a:ahLst/>
            <a:cxnLst/>
            <a:rect l="0" t="0" r="0" b="0"/>
            <a:pathLst>
              <a:path w="160440" h="800101">
                <a:moveTo>
                  <a:pt x="103289" y="0"/>
                </a:moveTo>
                <a:lnTo>
                  <a:pt x="160439" y="0"/>
                </a:lnTo>
                <a:lnTo>
                  <a:pt x="160439" y="133350"/>
                </a:lnTo>
                <a:lnTo>
                  <a:pt x="0" y="133350"/>
                </a:lnTo>
                <a:lnTo>
                  <a:pt x="0" y="800100"/>
                </a:lnTo>
                <a:lnTo>
                  <a:pt x="103344" y="8001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D_e570a3f38f9f41bab55ec81907a108ea_Line">
            <a:extLst>
              <a:ext uri="{FF2B5EF4-FFF2-40B4-BE49-F238E27FC236}">
                <a16:creationId xmlns:a16="http://schemas.microsoft.com/office/drawing/2014/main" id="{8A98EE87-088A-10C2-5C0A-F557C58AE8A8}"/>
              </a:ext>
            </a:extLst>
          </p:cNvPr>
          <p:cNvSpPr/>
          <p:nvPr>
            <p:custDataLst>
              <p:tags r:id="rId100"/>
            </p:custDataLst>
          </p:nvPr>
        </p:nvSpPr>
        <p:spPr>
          <a:xfrm>
            <a:off x="5992657" y="3993388"/>
            <a:ext cx="160440" cy="266701"/>
          </a:xfrm>
          <a:custGeom>
            <a:avLst/>
            <a:gdLst/>
            <a:ahLst/>
            <a:cxnLst/>
            <a:rect l="0" t="0" r="0" b="0"/>
            <a:pathLst>
              <a:path w="160440" h="266701">
                <a:moveTo>
                  <a:pt x="103289" y="0"/>
                </a:moveTo>
                <a:lnTo>
                  <a:pt x="160439" y="0"/>
                </a:lnTo>
                <a:lnTo>
                  <a:pt x="160439" y="133350"/>
                </a:lnTo>
                <a:lnTo>
                  <a:pt x="0" y="133350"/>
                </a:lnTo>
                <a:lnTo>
                  <a:pt x="0" y="266700"/>
                </a:lnTo>
                <a:lnTo>
                  <a:pt x="103343" y="2667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D_b188769b12ae400eaca60c53ff9af2ae_Line">
            <a:extLst>
              <a:ext uri="{FF2B5EF4-FFF2-40B4-BE49-F238E27FC236}">
                <a16:creationId xmlns:a16="http://schemas.microsoft.com/office/drawing/2014/main" id="{D4167232-F232-6F97-D144-EE79C467104D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>
            <a:off x="5992657" y="3993388"/>
            <a:ext cx="160440" cy="533401"/>
          </a:xfrm>
          <a:custGeom>
            <a:avLst/>
            <a:gdLst/>
            <a:ahLst/>
            <a:cxnLst/>
            <a:rect l="0" t="0" r="0" b="0"/>
            <a:pathLst>
              <a:path w="160440" h="533401">
                <a:moveTo>
                  <a:pt x="103289" y="0"/>
                </a:moveTo>
                <a:lnTo>
                  <a:pt x="160439" y="0"/>
                </a:lnTo>
                <a:lnTo>
                  <a:pt x="160439" y="133350"/>
                </a:lnTo>
                <a:lnTo>
                  <a:pt x="0" y="133350"/>
                </a:lnTo>
                <a:lnTo>
                  <a:pt x="0" y="533400"/>
                </a:lnTo>
                <a:lnTo>
                  <a:pt x="103343" y="5334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D_b0e1a570405c4f15b936f5a082848aec_Line">
            <a:extLst>
              <a:ext uri="{FF2B5EF4-FFF2-40B4-BE49-F238E27FC236}">
                <a16:creationId xmlns:a16="http://schemas.microsoft.com/office/drawing/2014/main" id="{D458D8DA-0F2A-C51F-3084-5808878CBF84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>
            <a:off x="5313729" y="3028188"/>
            <a:ext cx="782272" cy="1498601"/>
          </a:xfrm>
          <a:custGeom>
            <a:avLst/>
            <a:gdLst/>
            <a:ahLst/>
            <a:cxnLst/>
            <a:rect l="0" t="0" r="0" b="0"/>
            <a:pathLst>
              <a:path w="782272" h="1498601">
                <a:moveTo>
                  <a:pt x="0" y="0"/>
                </a:moveTo>
                <a:lnTo>
                  <a:pt x="0" y="1498600"/>
                </a:lnTo>
                <a:lnTo>
                  <a:pt x="782271" y="14986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D_46e4238255474e1186f52c7826af12c4_Line">
            <a:extLst>
              <a:ext uri="{FF2B5EF4-FFF2-40B4-BE49-F238E27FC236}">
                <a16:creationId xmlns:a16="http://schemas.microsoft.com/office/drawing/2014/main" id="{F050DF8D-1583-1588-FB1F-2D9ECDCF91D4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8339309" y="4260088"/>
            <a:ext cx="160441" cy="533401"/>
          </a:xfrm>
          <a:custGeom>
            <a:avLst/>
            <a:gdLst/>
            <a:ahLst/>
            <a:cxnLst/>
            <a:rect l="0" t="0" r="0" b="0"/>
            <a:pathLst>
              <a:path w="160441" h="533401">
                <a:moveTo>
                  <a:pt x="103290" y="0"/>
                </a:moveTo>
                <a:lnTo>
                  <a:pt x="160440" y="0"/>
                </a:lnTo>
                <a:lnTo>
                  <a:pt x="160440" y="133350"/>
                </a:lnTo>
                <a:lnTo>
                  <a:pt x="0" y="133350"/>
                </a:lnTo>
                <a:lnTo>
                  <a:pt x="0" y="533400"/>
                </a:lnTo>
                <a:lnTo>
                  <a:pt x="103344" y="5334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2" name="OTLSHAPE_D_c277dd77f35345478faab58b7eba45f6_Line">
            <a:extLst>
              <a:ext uri="{FF2B5EF4-FFF2-40B4-BE49-F238E27FC236}">
                <a16:creationId xmlns:a16="http://schemas.microsoft.com/office/drawing/2014/main" id="{8CF845B2-0789-544A-1F4D-801A00743231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8442599" y="4260088"/>
            <a:ext cx="782272" cy="800101"/>
          </a:xfrm>
          <a:custGeom>
            <a:avLst/>
            <a:gdLst/>
            <a:ahLst/>
            <a:cxnLst/>
            <a:rect l="0" t="0" r="0" b="0"/>
            <a:pathLst>
              <a:path w="782272" h="800101">
                <a:moveTo>
                  <a:pt x="0" y="0"/>
                </a:moveTo>
                <a:lnTo>
                  <a:pt x="678927" y="0"/>
                </a:lnTo>
                <a:lnTo>
                  <a:pt x="678927" y="800100"/>
                </a:lnTo>
                <a:lnTo>
                  <a:pt x="782271" y="8001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D_eb174e9a051f436bb17deb466b844ef1_Line">
            <a:extLst>
              <a:ext uri="{FF2B5EF4-FFF2-40B4-BE49-F238E27FC236}">
                <a16:creationId xmlns:a16="http://schemas.microsoft.com/office/drawing/2014/main" id="{12C48720-9398-56EA-8612-9F3E7F542667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8442599" y="4260088"/>
            <a:ext cx="1016938" cy="1066801"/>
          </a:xfrm>
          <a:custGeom>
            <a:avLst/>
            <a:gdLst/>
            <a:ahLst/>
            <a:cxnLst/>
            <a:rect l="0" t="0" r="0" b="0"/>
            <a:pathLst>
              <a:path w="1016938" h="1066801">
                <a:moveTo>
                  <a:pt x="0" y="0"/>
                </a:moveTo>
                <a:lnTo>
                  <a:pt x="913593" y="0"/>
                </a:lnTo>
                <a:lnTo>
                  <a:pt x="913593" y="1066800"/>
                </a:lnTo>
                <a:lnTo>
                  <a:pt x="1016937" y="10668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OTLSHAPE_D_e7b10e63e9744c56b5a60464f85f0694_Line">
            <a:extLst>
              <a:ext uri="{FF2B5EF4-FFF2-40B4-BE49-F238E27FC236}">
                <a16:creationId xmlns:a16="http://schemas.microsoft.com/office/drawing/2014/main" id="{F1BB7965-8FC2-A5FE-932F-2BFC5AB491D8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>
            <a:off x="8442599" y="4260088"/>
            <a:ext cx="2268485" cy="1866901"/>
          </a:xfrm>
          <a:custGeom>
            <a:avLst/>
            <a:gdLst/>
            <a:ahLst/>
            <a:cxnLst/>
            <a:rect l="0" t="0" r="0" b="0"/>
            <a:pathLst>
              <a:path w="2268485" h="1866901">
                <a:moveTo>
                  <a:pt x="0" y="0"/>
                </a:moveTo>
                <a:lnTo>
                  <a:pt x="2165140" y="0"/>
                </a:lnTo>
                <a:lnTo>
                  <a:pt x="2165140" y="1866900"/>
                </a:lnTo>
                <a:lnTo>
                  <a:pt x="2268484" y="18669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D_db48d2048b3a42f387da697a24ecc07c_Line">
            <a:extLst>
              <a:ext uri="{FF2B5EF4-FFF2-40B4-BE49-F238E27FC236}">
                <a16:creationId xmlns:a16="http://schemas.microsoft.com/office/drawing/2014/main" id="{4B5465C0-7CEA-884A-05D4-E4FBD533DC19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9121526" y="4793488"/>
            <a:ext cx="160441" cy="266701"/>
          </a:xfrm>
          <a:custGeom>
            <a:avLst/>
            <a:gdLst/>
            <a:ahLst/>
            <a:cxnLst/>
            <a:rect l="0" t="0" r="0" b="0"/>
            <a:pathLst>
              <a:path w="160441" h="266701">
                <a:moveTo>
                  <a:pt x="103290" y="0"/>
                </a:moveTo>
                <a:lnTo>
                  <a:pt x="160440" y="0"/>
                </a:lnTo>
                <a:lnTo>
                  <a:pt x="160440" y="133350"/>
                </a:lnTo>
                <a:lnTo>
                  <a:pt x="0" y="133350"/>
                </a:lnTo>
                <a:lnTo>
                  <a:pt x="0" y="266700"/>
                </a:lnTo>
                <a:lnTo>
                  <a:pt x="103344" y="2667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8" name="OTLSHAPE_D_bf9861db05654431b6a014021063a672_Line">
            <a:extLst>
              <a:ext uri="{FF2B5EF4-FFF2-40B4-BE49-F238E27FC236}">
                <a16:creationId xmlns:a16="http://schemas.microsoft.com/office/drawing/2014/main" id="{F9BC449D-9F26-34DA-CCAF-6CA533986F28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8599042" y="4628388"/>
            <a:ext cx="625829" cy="431801"/>
          </a:xfrm>
          <a:custGeom>
            <a:avLst/>
            <a:gdLst/>
            <a:ahLst/>
            <a:cxnLst/>
            <a:rect l="0" t="0" r="0" b="0"/>
            <a:pathLst>
              <a:path w="625829" h="431801">
                <a:moveTo>
                  <a:pt x="0" y="0"/>
                </a:moveTo>
                <a:lnTo>
                  <a:pt x="0" y="31750"/>
                </a:lnTo>
                <a:lnTo>
                  <a:pt x="522484" y="31750"/>
                </a:lnTo>
                <a:lnTo>
                  <a:pt x="522484" y="431800"/>
                </a:lnTo>
                <a:lnTo>
                  <a:pt x="625828" y="4318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5" name="OTLSHAPE_D_bcc0e0e154a7447fb666e4c6fdbf0f95_Line">
            <a:extLst>
              <a:ext uri="{FF2B5EF4-FFF2-40B4-BE49-F238E27FC236}">
                <a16:creationId xmlns:a16="http://schemas.microsoft.com/office/drawing/2014/main" id="{267F4E8E-D7D8-142A-A7D4-7FFA11363F3E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9356192" y="5060188"/>
            <a:ext cx="160441" cy="266701"/>
          </a:xfrm>
          <a:custGeom>
            <a:avLst/>
            <a:gdLst/>
            <a:ahLst/>
            <a:cxnLst/>
            <a:rect l="0" t="0" r="0" b="0"/>
            <a:pathLst>
              <a:path w="160441" h="266701">
                <a:moveTo>
                  <a:pt x="103290" y="0"/>
                </a:moveTo>
                <a:lnTo>
                  <a:pt x="160440" y="0"/>
                </a:lnTo>
                <a:lnTo>
                  <a:pt x="160440" y="133350"/>
                </a:lnTo>
                <a:lnTo>
                  <a:pt x="0" y="133350"/>
                </a:lnTo>
                <a:lnTo>
                  <a:pt x="0" y="266700"/>
                </a:lnTo>
                <a:lnTo>
                  <a:pt x="103344" y="2667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D_10119b697ea5489ca0b9704df515c03c_Line">
            <a:extLst>
              <a:ext uri="{FF2B5EF4-FFF2-40B4-BE49-F238E27FC236}">
                <a16:creationId xmlns:a16="http://schemas.microsoft.com/office/drawing/2014/main" id="{F4846A0F-4AC4-B197-446E-F0E76954578B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9459482" y="5060188"/>
            <a:ext cx="782272" cy="533401"/>
          </a:xfrm>
          <a:custGeom>
            <a:avLst/>
            <a:gdLst/>
            <a:ahLst/>
            <a:cxnLst/>
            <a:rect l="0" t="0" r="0" b="0"/>
            <a:pathLst>
              <a:path w="782272" h="533401">
                <a:moveTo>
                  <a:pt x="0" y="0"/>
                </a:moveTo>
                <a:lnTo>
                  <a:pt x="678927" y="0"/>
                </a:lnTo>
                <a:lnTo>
                  <a:pt x="678927" y="533400"/>
                </a:lnTo>
                <a:lnTo>
                  <a:pt x="782271" y="5334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D_00a597a1fca348b6952b6629cc256db3_Line">
            <a:extLst>
              <a:ext uri="{FF2B5EF4-FFF2-40B4-BE49-F238E27FC236}">
                <a16:creationId xmlns:a16="http://schemas.microsoft.com/office/drawing/2014/main" id="{490149BE-85DC-D276-4FF5-7265383CCBFE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>
            <a:off x="10138409" y="5326888"/>
            <a:ext cx="160441" cy="266701"/>
          </a:xfrm>
          <a:custGeom>
            <a:avLst/>
            <a:gdLst/>
            <a:ahLst/>
            <a:cxnLst/>
            <a:rect l="0" t="0" r="0" b="0"/>
            <a:pathLst>
              <a:path w="160441" h="266701">
                <a:moveTo>
                  <a:pt x="103290" y="0"/>
                </a:moveTo>
                <a:lnTo>
                  <a:pt x="160440" y="0"/>
                </a:lnTo>
                <a:lnTo>
                  <a:pt x="160440" y="133350"/>
                </a:lnTo>
                <a:lnTo>
                  <a:pt x="0" y="133350"/>
                </a:lnTo>
                <a:lnTo>
                  <a:pt x="0" y="266700"/>
                </a:lnTo>
                <a:lnTo>
                  <a:pt x="103344" y="2667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" name="OTLSHAPE_D_57e501ced70c43eeb1ed6afc37095218_Line">
            <a:extLst>
              <a:ext uri="{FF2B5EF4-FFF2-40B4-BE49-F238E27FC236}">
                <a16:creationId xmlns:a16="http://schemas.microsoft.com/office/drawing/2014/main" id="{99FCEA8A-1F5D-59AC-1708-97C423011F13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9224816" y="4793488"/>
            <a:ext cx="1251603" cy="1066801"/>
          </a:xfrm>
          <a:custGeom>
            <a:avLst/>
            <a:gdLst/>
            <a:ahLst/>
            <a:cxnLst/>
            <a:rect l="0" t="0" r="0" b="0"/>
            <a:pathLst>
              <a:path w="1251603" h="1066801">
                <a:moveTo>
                  <a:pt x="0" y="0"/>
                </a:moveTo>
                <a:lnTo>
                  <a:pt x="1148259" y="0"/>
                </a:lnTo>
                <a:lnTo>
                  <a:pt x="1148259" y="1066800"/>
                </a:lnTo>
                <a:lnTo>
                  <a:pt x="1251602" y="10668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D_572bbae24b2a48a08993faf5f7d581de_Line">
            <a:extLst>
              <a:ext uri="{FF2B5EF4-FFF2-40B4-BE49-F238E27FC236}">
                <a16:creationId xmlns:a16="http://schemas.microsoft.com/office/drawing/2014/main" id="{8CAE7EE3-72CA-74B2-7F01-3CCAC6B18EBB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10241699" y="5326888"/>
            <a:ext cx="234720" cy="533401"/>
          </a:xfrm>
          <a:custGeom>
            <a:avLst/>
            <a:gdLst/>
            <a:ahLst/>
            <a:cxnLst/>
            <a:rect l="0" t="0" r="0" b="0"/>
            <a:pathLst>
              <a:path w="234720" h="533401">
                <a:moveTo>
                  <a:pt x="0" y="0"/>
                </a:moveTo>
                <a:lnTo>
                  <a:pt x="131376" y="0"/>
                </a:lnTo>
                <a:lnTo>
                  <a:pt x="131376" y="533400"/>
                </a:lnTo>
                <a:lnTo>
                  <a:pt x="234719" y="5334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" name="OTLSHAPE_D_da48628d42fa401a825baa09ffdd6825_Line">
            <a:extLst>
              <a:ext uri="{FF2B5EF4-FFF2-40B4-BE49-F238E27FC236}">
                <a16:creationId xmlns:a16="http://schemas.microsoft.com/office/drawing/2014/main" id="{9FA655E0-07E2-DFC8-0416-C6A46823E360}"/>
              </a:ext>
            </a:extLst>
          </p:cNvPr>
          <p:cNvSpPr/>
          <p:nvPr>
            <p:custDataLst>
              <p:tags r:id="rId114"/>
            </p:custDataLst>
          </p:nvPr>
        </p:nvSpPr>
        <p:spPr>
          <a:xfrm>
            <a:off x="10373075" y="5593588"/>
            <a:ext cx="160440" cy="266701"/>
          </a:xfrm>
          <a:custGeom>
            <a:avLst/>
            <a:gdLst/>
            <a:ahLst/>
            <a:cxnLst/>
            <a:rect l="0" t="0" r="0" b="0"/>
            <a:pathLst>
              <a:path w="160440" h="266701">
                <a:moveTo>
                  <a:pt x="103289" y="0"/>
                </a:moveTo>
                <a:lnTo>
                  <a:pt x="160439" y="0"/>
                </a:lnTo>
                <a:lnTo>
                  <a:pt x="160439" y="133350"/>
                </a:lnTo>
                <a:lnTo>
                  <a:pt x="0" y="133350"/>
                </a:lnTo>
                <a:lnTo>
                  <a:pt x="0" y="266700"/>
                </a:lnTo>
                <a:lnTo>
                  <a:pt x="103343" y="2667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9" name="OTLSHAPE_D_19e6ab33e0bf458bb083c97a9dad61a4_Line">
            <a:extLst>
              <a:ext uri="{FF2B5EF4-FFF2-40B4-BE49-F238E27FC236}">
                <a16:creationId xmlns:a16="http://schemas.microsoft.com/office/drawing/2014/main" id="{3E44C0FC-7015-F5F3-C195-C1FB12127AA2}"/>
              </a:ext>
            </a:extLst>
          </p:cNvPr>
          <p:cNvSpPr/>
          <p:nvPr>
            <p:custDataLst>
              <p:tags r:id="rId115"/>
            </p:custDataLst>
          </p:nvPr>
        </p:nvSpPr>
        <p:spPr>
          <a:xfrm>
            <a:off x="8599042" y="4628388"/>
            <a:ext cx="2112042" cy="1498601"/>
          </a:xfrm>
          <a:custGeom>
            <a:avLst/>
            <a:gdLst/>
            <a:ahLst/>
            <a:cxnLst/>
            <a:rect l="0" t="0" r="0" b="0"/>
            <a:pathLst>
              <a:path w="2112042" h="1498601">
                <a:moveTo>
                  <a:pt x="0" y="0"/>
                </a:moveTo>
                <a:lnTo>
                  <a:pt x="0" y="31750"/>
                </a:lnTo>
                <a:lnTo>
                  <a:pt x="2008697" y="31750"/>
                </a:lnTo>
                <a:lnTo>
                  <a:pt x="2008697" y="1498600"/>
                </a:lnTo>
                <a:lnTo>
                  <a:pt x="2112041" y="14986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D_424e95a0daad4085b3c6bc7386f6dd66_Line">
            <a:extLst>
              <a:ext uri="{FF2B5EF4-FFF2-40B4-BE49-F238E27FC236}">
                <a16:creationId xmlns:a16="http://schemas.microsoft.com/office/drawing/2014/main" id="{184894F2-FFBA-6385-D60D-D2BA5FCF014A}"/>
              </a:ext>
            </a:extLst>
          </p:cNvPr>
          <p:cNvSpPr/>
          <p:nvPr>
            <p:custDataLst>
              <p:tags r:id="rId116"/>
            </p:custDataLst>
          </p:nvPr>
        </p:nvSpPr>
        <p:spPr>
          <a:xfrm>
            <a:off x="9224816" y="4793488"/>
            <a:ext cx="1486268" cy="1333501"/>
          </a:xfrm>
          <a:custGeom>
            <a:avLst/>
            <a:gdLst/>
            <a:ahLst/>
            <a:cxnLst/>
            <a:rect l="0" t="0" r="0" b="0"/>
            <a:pathLst>
              <a:path w="1486268" h="1333501">
                <a:moveTo>
                  <a:pt x="0" y="0"/>
                </a:moveTo>
                <a:lnTo>
                  <a:pt x="1382923" y="0"/>
                </a:lnTo>
                <a:lnTo>
                  <a:pt x="1382923" y="1333500"/>
                </a:lnTo>
                <a:lnTo>
                  <a:pt x="1486267" y="13335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7" name="OTLSHAPE_D_33ff1b934f5f42e39c172349da43d90e_Line">
            <a:extLst>
              <a:ext uri="{FF2B5EF4-FFF2-40B4-BE49-F238E27FC236}">
                <a16:creationId xmlns:a16="http://schemas.microsoft.com/office/drawing/2014/main" id="{CFFC46A1-D9C9-5066-68CE-F8119FB22D0C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9459482" y="5060188"/>
            <a:ext cx="1251602" cy="1066801"/>
          </a:xfrm>
          <a:custGeom>
            <a:avLst/>
            <a:gdLst/>
            <a:ahLst/>
            <a:cxnLst/>
            <a:rect l="0" t="0" r="0" b="0"/>
            <a:pathLst>
              <a:path w="1251602" h="1066801">
                <a:moveTo>
                  <a:pt x="0" y="0"/>
                </a:moveTo>
                <a:lnTo>
                  <a:pt x="1148257" y="0"/>
                </a:lnTo>
                <a:lnTo>
                  <a:pt x="1148257" y="1066800"/>
                </a:lnTo>
                <a:lnTo>
                  <a:pt x="1251601" y="10668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8" name="OTLSHAPE_D_0bed5e8017354fa4b7e457c9610d3dbe_Line">
            <a:extLst>
              <a:ext uri="{FF2B5EF4-FFF2-40B4-BE49-F238E27FC236}">
                <a16:creationId xmlns:a16="http://schemas.microsoft.com/office/drawing/2014/main" id="{3ED7F8EA-1C1E-75CC-C305-FA465297DD67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10476364" y="5593588"/>
            <a:ext cx="234720" cy="533401"/>
          </a:xfrm>
          <a:custGeom>
            <a:avLst/>
            <a:gdLst/>
            <a:ahLst/>
            <a:cxnLst/>
            <a:rect l="0" t="0" r="0" b="0"/>
            <a:pathLst>
              <a:path w="234720" h="533401">
                <a:moveTo>
                  <a:pt x="0" y="0"/>
                </a:moveTo>
                <a:lnTo>
                  <a:pt x="131375" y="0"/>
                </a:lnTo>
                <a:lnTo>
                  <a:pt x="131375" y="533400"/>
                </a:lnTo>
                <a:lnTo>
                  <a:pt x="234719" y="5334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D_042ada1e4d3c4459a0830ed82fc188b3_Line">
            <a:extLst>
              <a:ext uri="{FF2B5EF4-FFF2-40B4-BE49-F238E27FC236}">
                <a16:creationId xmlns:a16="http://schemas.microsoft.com/office/drawing/2014/main" id="{7418E00C-97CE-67B4-99F6-1D57769A3C19}"/>
              </a:ext>
            </a:extLst>
          </p:cNvPr>
          <p:cNvSpPr/>
          <p:nvPr>
            <p:custDataLst>
              <p:tags r:id="rId119"/>
            </p:custDataLst>
          </p:nvPr>
        </p:nvSpPr>
        <p:spPr>
          <a:xfrm>
            <a:off x="10607739" y="5860288"/>
            <a:ext cx="160441" cy="266701"/>
          </a:xfrm>
          <a:custGeom>
            <a:avLst/>
            <a:gdLst/>
            <a:ahLst/>
            <a:cxnLst/>
            <a:rect l="0" t="0" r="0" b="0"/>
            <a:pathLst>
              <a:path w="160441" h="266701">
                <a:moveTo>
                  <a:pt x="103290" y="0"/>
                </a:moveTo>
                <a:lnTo>
                  <a:pt x="160440" y="0"/>
                </a:lnTo>
                <a:lnTo>
                  <a:pt x="160440" y="133350"/>
                </a:lnTo>
                <a:lnTo>
                  <a:pt x="0" y="133350"/>
                </a:lnTo>
                <a:lnTo>
                  <a:pt x="0" y="266700"/>
                </a:lnTo>
                <a:lnTo>
                  <a:pt x="103344" y="2667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" name="OTLSHAPE_D_0e2fb1f10a884a4784d6df9776ac6947_Line">
            <a:extLst>
              <a:ext uri="{FF2B5EF4-FFF2-40B4-BE49-F238E27FC236}">
                <a16:creationId xmlns:a16="http://schemas.microsoft.com/office/drawing/2014/main" id="{1A20919E-A53C-48D6-915E-66F544442C06}"/>
              </a:ext>
            </a:extLst>
          </p:cNvPr>
          <p:cNvSpPr/>
          <p:nvPr>
            <p:custDataLst>
              <p:tags r:id="rId120"/>
            </p:custDataLst>
          </p:nvPr>
        </p:nvSpPr>
        <p:spPr>
          <a:xfrm>
            <a:off x="8599042" y="4628388"/>
            <a:ext cx="2346708" cy="1765301"/>
          </a:xfrm>
          <a:custGeom>
            <a:avLst/>
            <a:gdLst/>
            <a:ahLst/>
            <a:cxnLst/>
            <a:rect l="0" t="0" r="0" b="0"/>
            <a:pathLst>
              <a:path w="2346708" h="1765301">
                <a:moveTo>
                  <a:pt x="0" y="0"/>
                </a:moveTo>
                <a:lnTo>
                  <a:pt x="0" y="31750"/>
                </a:lnTo>
                <a:lnTo>
                  <a:pt x="2243363" y="31750"/>
                </a:lnTo>
                <a:lnTo>
                  <a:pt x="2243363" y="1765300"/>
                </a:lnTo>
                <a:lnTo>
                  <a:pt x="2346707" y="17653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D_0c3e7e6dec664d8c866c7c86bccd3480_Line">
            <a:extLst>
              <a:ext uri="{FF2B5EF4-FFF2-40B4-BE49-F238E27FC236}">
                <a16:creationId xmlns:a16="http://schemas.microsoft.com/office/drawing/2014/main" id="{650E34D4-C446-5AA1-3DA9-BEFF0A010C5F}"/>
              </a:ext>
            </a:extLst>
          </p:cNvPr>
          <p:cNvSpPr/>
          <p:nvPr>
            <p:custDataLst>
              <p:tags r:id="rId121"/>
            </p:custDataLst>
          </p:nvPr>
        </p:nvSpPr>
        <p:spPr>
          <a:xfrm>
            <a:off x="10842405" y="6126988"/>
            <a:ext cx="160440" cy="266701"/>
          </a:xfrm>
          <a:custGeom>
            <a:avLst/>
            <a:gdLst/>
            <a:ahLst/>
            <a:cxnLst/>
            <a:rect l="0" t="0" r="0" b="0"/>
            <a:pathLst>
              <a:path w="160440" h="266701">
                <a:moveTo>
                  <a:pt x="103289" y="0"/>
                </a:moveTo>
                <a:lnTo>
                  <a:pt x="160439" y="0"/>
                </a:lnTo>
                <a:lnTo>
                  <a:pt x="160439" y="133350"/>
                </a:lnTo>
                <a:lnTo>
                  <a:pt x="0" y="133350"/>
                </a:lnTo>
                <a:lnTo>
                  <a:pt x="0" y="266700"/>
                </a:lnTo>
                <a:lnTo>
                  <a:pt x="103344" y="2667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" name="OTLSHAPE_D_3619c62e6bb6460daf7626af9893f61d_Line">
            <a:extLst>
              <a:ext uri="{FF2B5EF4-FFF2-40B4-BE49-F238E27FC236}">
                <a16:creationId xmlns:a16="http://schemas.microsoft.com/office/drawing/2014/main" id="{CCA726F4-B5ED-10D0-187D-2CA1E8FB1BFB}"/>
              </a:ext>
            </a:extLst>
          </p:cNvPr>
          <p:cNvSpPr/>
          <p:nvPr>
            <p:custDataLst>
              <p:tags r:id="rId122"/>
            </p:custDataLst>
          </p:nvPr>
        </p:nvSpPr>
        <p:spPr>
          <a:xfrm>
            <a:off x="1793750" y="2126488"/>
            <a:ext cx="1173382" cy="1600201"/>
          </a:xfrm>
          <a:custGeom>
            <a:avLst/>
            <a:gdLst/>
            <a:ahLst/>
            <a:cxnLst/>
            <a:rect l="0" t="0" r="0" b="0"/>
            <a:pathLst>
              <a:path w="1173382" h="1600201">
                <a:moveTo>
                  <a:pt x="0" y="0"/>
                </a:moveTo>
                <a:lnTo>
                  <a:pt x="57150" y="0"/>
                </a:lnTo>
                <a:lnTo>
                  <a:pt x="57150" y="1600200"/>
                </a:lnTo>
                <a:lnTo>
                  <a:pt x="1173381" y="160020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D_2ee79a4fa2934e67958db8a4d10d3262_Line">
            <a:extLst>
              <a:ext uri="{FF2B5EF4-FFF2-40B4-BE49-F238E27FC236}">
                <a16:creationId xmlns:a16="http://schemas.microsoft.com/office/drawing/2014/main" id="{3DACD752-ED5F-9340-F774-560A29A92C0C}"/>
              </a:ext>
            </a:extLst>
          </p:cNvPr>
          <p:cNvSpPr/>
          <p:nvPr>
            <p:custDataLst>
              <p:tags r:id="rId123"/>
            </p:custDataLst>
          </p:nvPr>
        </p:nvSpPr>
        <p:spPr>
          <a:xfrm>
            <a:off x="908243" y="774615"/>
            <a:ext cx="217591" cy="1085174"/>
          </a:xfrm>
          <a:custGeom>
            <a:avLst/>
            <a:gdLst/>
            <a:ahLst/>
            <a:cxnLst/>
            <a:rect l="0" t="0" r="0" b="0"/>
            <a:pathLst>
              <a:path w="217591" h="1085174">
                <a:moveTo>
                  <a:pt x="217590" y="45763"/>
                </a:moveTo>
                <a:lnTo>
                  <a:pt x="217590" y="0"/>
                </a:lnTo>
                <a:lnTo>
                  <a:pt x="0" y="0"/>
                </a:lnTo>
                <a:lnTo>
                  <a:pt x="0" y="1085173"/>
                </a:lnTo>
                <a:lnTo>
                  <a:pt x="103344" y="1085173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3" name="OTLSHAPE_D_c9826b056b7c433e84a357f805c4a911_Line">
            <a:extLst>
              <a:ext uri="{FF2B5EF4-FFF2-40B4-BE49-F238E27FC236}">
                <a16:creationId xmlns:a16="http://schemas.microsoft.com/office/drawing/2014/main" id="{CF658688-BD81-9C06-7E57-DCC7B3086BDB}"/>
              </a:ext>
            </a:extLst>
          </p:cNvPr>
          <p:cNvSpPr/>
          <p:nvPr>
            <p:custDataLst>
              <p:tags r:id="rId124"/>
            </p:custDataLst>
          </p:nvPr>
        </p:nvSpPr>
        <p:spPr>
          <a:xfrm>
            <a:off x="10945694" y="985478"/>
            <a:ext cx="198588" cy="5141511"/>
          </a:xfrm>
          <a:custGeom>
            <a:avLst/>
            <a:gdLst/>
            <a:ahLst/>
            <a:cxnLst/>
            <a:rect l="0" t="0" r="0" b="0"/>
            <a:pathLst>
              <a:path w="198588" h="5141511">
                <a:moveTo>
                  <a:pt x="0" y="5141510"/>
                </a:moveTo>
                <a:lnTo>
                  <a:pt x="198587" y="5141510"/>
                </a:lnTo>
                <a:lnTo>
                  <a:pt x="198587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8" name="OTLSHAPE_D_b043cb6b0d084b83b11298a5f143c602_Line">
            <a:extLst>
              <a:ext uri="{FF2B5EF4-FFF2-40B4-BE49-F238E27FC236}">
                <a16:creationId xmlns:a16="http://schemas.microsoft.com/office/drawing/2014/main" id="{4BEF64C6-54EB-8817-C62D-75C1D5549DC2}"/>
              </a:ext>
            </a:extLst>
          </p:cNvPr>
          <p:cNvSpPr/>
          <p:nvPr>
            <p:custDataLst>
              <p:tags r:id="rId125"/>
            </p:custDataLst>
          </p:nvPr>
        </p:nvSpPr>
        <p:spPr>
          <a:xfrm>
            <a:off x="11144281" y="985478"/>
            <a:ext cx="93229" cy="5408211"/>
          </a:xfrm>
          <a:custGeom>
            <a:avLst/>
            <a:gdLst/>
            <a:ahLst/>
            <a:cxnLst/>
            <a:rect l="0" t="0" r="0" b="0"/>
            <a:pathLst>
              <a:path w="93229" h="5408211">
                <a:moveTo>
                  <a:pt x="36078" y="5408210"/>
                </a:moveTo>
                <a:lnTo>
                  <a:pt x="93228" y="5408210"/>
                </a:lnTo>
                <a:lnTo>
                  <a:pt x="93228" y="5274860"/>
                </a:lnTo>
                <a:lnTo>
                  <a:pt x="0" y="5274860"/>
                </a:lnTo>
                <a:lnTo>
                  <a:pt x="0" y="0"/>
                </a:lnTo>
              </a:path>
            </a:pathLst>
          </a:custGeom>
          <a:ln w="12700" cap="flat" cmpd="sng" algn="ctr">
            <a:solidFill>
              <a:schemeClr val="dk1"/>
            </a:solidFill>
            <a:prstDash val="solid"/>
            <a:miter lim="800000"/>
            <a:headEnd type="none" w="med" len="med"/>
            <a:tailEnd type="triangle" w="med" len="sm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4" name="TextBox 263">
            <a:extLst>
              <a:ext uri="{FF2B5EF4-FFF2-40B4-BE49-F238E27FC236}">
                <a16:creationId xmlns:a16="http://schemas.microsoft.com/office/drawing/2014/main" id="{1B771D00-0D21-491E-3EED-52B7E757445A}"/>
              </a:ext>
            </a:extLst>
          </p:cNvPr>
          <p:cNvSpPr txBox="1"/>
          <p:nvPr/>
        </p:nvSpPr>
        <p:spPr>
          <a:xfrm>
            <a:off x="2471462" y="366634"/>
            <a:ext cx="724499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/>
              <a:t>Event management critical path template</a:t>
            </a:r>
          </a:p>
        </p:txBody>
      </p:sp>
      <p:pic>
        <p:nvPicPr>
          <p:cNvPr id="289" name="Picture 288" descr="Icon&#10;&#10;Description automatically generated">
            <a:extLst>
              <a:ext uri="{FF2B5EF4-FFF2-40B4-BE49-F238E27FC236}">
                <a16:creationId xmlns:a16="http://schemas.microsoft.com/office/drawing/2014/main" id="{43088A14-9530-CDCF-0862-EDFE1E13BDC1}"/>
              </a:ext>
            </a:extLst>
          </p:cNvPr>
          <p:cNvPicPr>
            <a:picLocks noChangeAspect="1"/>
          </p:cNvPicPr>
          <p:nvPr/>
        </p:nvPicPr>
        <p:blipFill>
          <a:blip r:embed="rId12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407751" y="5243686"/>
            <a:ext cx="2333128" cy="321429"/>
          </a:xfrm>
          <a:prstGeom prst="rect">
            <a:avLst/>
          </a:prstGeom>
        </p:spPr>
      </p:pic>
      <p:graphicFrame>
        <p:nvGraphicFramePr>
          <p:cNvPr id="290" name="Table 300">
            <a:extLst>
              <a:ext uri="{FF2B5EF4-FFF2-40B4-BE49-F238E27FC236}">
                <a16:creationId xmlns:a16="http://schemas.microsoft.com/office/drawing/2014/main" id="{48C43546-65B0-3441-7258-290F77B24C0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98309060"/>
              </p:ext>
            </p:extLst>
          </p:nvPr>
        </p:nvGraphicFramePr>
        <p:xfrm>
          <a:off x="10334760" y="1732063"/>
          <a:ext cx="726971" cy="806139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726971">
                  <a:extLst>
                    <a:ext uri="{9D8B030D-6E8A-4147-A177-3AD203B41FA5}">
                      <a16:colId xmlns:a16="http://schemas.microsoft.com/office/drawing/2014/main" val="3764175126"/>
                    </a:ext>
                  </a:extLst>
                </a:gridCol>
              </a:tblGrid>
              <a:tr h="268713">
                <a:tc>
                  <a:txBody>
                    <a:bodyPr/>
                    <a:lstStyle/>
                    <a:p>
                      <a:r>
                        <a:rPr lang="en-US" sz="10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Critical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10106228"/>
                  </a:ext>
                </a:extLst>
              </a:tr>
              <a:tr h="268713">
                <a:tc>
                  <a:txBody>
                    <a:bodyPr/>
                    <a:lstStyle/>
                    <a:p>
                      <a:r>
                        <a:rPr lang="en-US" sz="10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lexibl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64790217"/>
                  </a:ext>
                </a:extLst>
              </a:tr>
              <a:tr h="268713">
                <a:tc>
                  <a:txBody>
                    <a:bodyPr/>
                    <a:lstStyle/>
                    <a:p>
                      <a:r>
                        <a:rPr lang="en-US" sz="10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vent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85601616"/>
                  </a:ext>
                </a:extLst>
              </a:tr>
            </a:tbl>
          </a:graphicData>
        </a:graphic>
      </p:graphicFrame>
      <p:grpSp>
        <p:nvGrpSpPr>
          <p:cNvPr id="291" name="Group 290">
            <a:extLst>
              <a:ext uri="{FF2B5EF4-FFF2-40B4-BE49-F238E27FC236}">
                <a16:creationId xmlns:a16="http://schemas.microsoft.com/office/drawing/2014/main" id="{4DE988D0-4042-2B43-AB5B-A024D869E1AA}"/>
              </a:ext>
            </a:extLst>
          </p:cNvPr>
          <p:cNvGrpSpPr/>
          <p:nvPr/>
        </p:nvGrpSpPr>
        <p:grpSpPr>
          <a:xfrm>
            <a:off x="10136739" y="1805476"/>
            <a:ext cx="201753" cy="677798"/>
            <a:chOff x="9820275" y="2315083"/>
            <a:chExt cx="201753" cy="677798"/>
          </a:xfrm>
        </p:grpSpPr>
        <p:sp>
          <p:nvSpPr>
            <p:cNvPr id="292" name="Rectangle 291">
              <a:extLst>
                <a:ext uri="{FF2B5EF4-FFF2-40B4-BE49-F238E27FC236}">
                  <a16:creationId xmlns:a16="http://schemas.microsoft.com/office/drawing/2014/main" id="{84A74377-3197-2DF8-BB88-FB2AD86EAFD1}"/>
                </a:ext>
              </a:extLst>
            </p:cNvPr>
            <p:cNvSpPr/>
            <p:nvPr/>
          </p:nvSpPr>
          <p:spPr>
            <a:xfrm>
              <a:off x="9820275" y="2315083"/>
              <a:ext cx="201753" cy="136525"/>
            </a:xfrm>
            <a:prstGeom prst="rect">
              <a:avLst/>
            </a:prstGeom>
            <a:solidFill>
              <a:srgbClr val="FFC0BE"/>
            </a:solidFill>
            <a:ln>
              <a:noFill/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93" name="Rectangle 292">
              <a:extLst>
                <a:ext uri="{FF2B5EF4-FFF2-40B4-BE49-F238E27FC236}">
                  <a16:creationId xmlns:a16="http://schemas.microsoft.com/office/drawing/2014/main" id="{A6BC35F8-0C7C-38A2-6A2D-12699AE49F02}"/>
                </a:ext>
              </a:extLst>
            </p:cNvPr>
            <p:cNvSpPr/>
            <p:nvPr/>
          </p:nvSpPr>
          <p:spPr>
            <a:xfrm>
              <a:off x="9820275" y="2572512"/>
              <a:ext cx="201753" cy="136525"/>
            </a:xfrm>
            <a:prstGeom prst="rect">
              <a:avLst/>
            </a:prstGeom>
            <a:solidFill>
              <a:srgbClr val="92D050"/>
            </a:solidFill>
            <a:ln>
              <a:noFill/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94" name="Diamond 293">
              <a:extLst>
                <a:ext uri="{FF2B5EF4-FFF2-40B4-BE49-F238E27FC236}">
                  <a16:creationId xmlns:a16="http://schemas.microsoft.com/office/drawing/2014/main" id="{193E7317-B823-3E40-F810-F691C348C328}"/>
                </a:ext>
              </a:extLst>
            </p:cNvPr>
            <p:cNvSpPr/>
            <p:nvPr/>
          </p:nvSpPr>
          <p:spPr>
            <a:xfrm>
              <a:off x="9829711" y="2810001"/>
              <a:ext cx="182880" cy="182880"/>
            </a:xfrm>
            <a:prstGeom prst="diamond">
              <a:avLst/>
            </a:prstGeom>
            <a:solidFill>
              <a:schemeClr val="accent4"/>
            </a:solidFill>
            <a:ln>
              <a:noFill/>
            </a:ln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84313674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cuMyIsIk9yaWdpbmFsQXNzZW1ibHlWZXJzaW9uIjoiNy4wMC4wNC4wMCIsIkVkaXRpb24iOm51bGwsIkxhc3RTYXZlZEVkaXRpb24iOjM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N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zIiwiVG9wIjowLjAsIkxlZnQiOjAuMCwiUmlnaHQiOjAuMCwiQm90dG9tIjowLjB9LCJQYWRkaW5nIjp7IiRpZCI6IjEzNCIsIlRvcCI6MC4wLCJMZWZ0IjowLjAsIlJpZ2h0IjowLjAsIkJvdHRvbSI6MC4wfSwiQmFja2dyb3VuZCI6eyIkaWQiOiIxMzUiLCJDb2xvciI6eyIkaWQiOiIxMzYiLCJBIjo4OSwiUiI6MCwiRyI6MCwiQiI6MH19LCJJc1Zpc2libGUiOnRydWUsIldpZHRoIjowLjAsIkhlaWdodCI6MC4wLCJCb3JkZXJTdHlsZSI6bnVsbCwiUGFyZW50U3R5bGUiOm51bGx9LCJEYXRlRm9ybWF0Ijp7IiRpZCI6IjEz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ODMiLCJUb3AiOjAuMCwiTGVmdCI6MC4wLCJSaWdodCI6MC4wLCJCb3R0b20iOjAuMH0sIlBhZGRpbmciOnsiJGlkIjoiMTg0IiwiVG9wIjowLjAsIkxlZnQiOjAuMCwiUmlnaHQiOjAuMCwiQm90dG9tIjowLjB9LCJCYWNrZ3JvdW5kIjp7IiRpZCI6IjE4NSIsIkNvbG9yIjp7IiRpZCI6IjE4NiIsIkEiOjg5LCJSIjowLCJHIjowLCJCIjowfX0sIklzVmlzaWJsZSI6dHJ1ZSwiV2lkdGgiOjAuMCwiSGVpZ2h0IjowLjAsIkJvcmRlclN0eWxlIjpudWxsLCJQYXJlbnRTdHlsZSI6bnVsbH0sIkRhdGVGb3JtYXQiOnsiJGlkIjoiMTg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g4IiwiRGF0ZVBhcnRJc1Zpc2libGUiOmZhbHNlLCJUaW1lUGFydElzVmlzaWJsZSI6ZmFsc2V9fSwiV2Vla051bWJlcmluZyI6eyIkaWQiOiIxODkiLCJGb3JtYXQiOjAsIklzVmlzaWJsZSI6ZmFsc2UsIkxhc3RLbm93blZpc2liaWxpdHlTdGF0ZSI6ZmFsc2V9LCJJc1Zpc2libGUiOnRydWUsIlBhcmVudFN0eWxlIjpudWxsLCJfZXhwbGljaXRseVNldCI6eyIkaWQiOiIxOT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gzIn0sIlBhZGRpbmciOnsiJHJlZiI6IjE4NCJ9LCJCYWNrZ3JvdW5kIjp7IiRpZCI6IjkzNyIsIkNvbG9yIjp7IiRpZCI6IjkzOCIsIkEiOjAsIlIiOjI1NSwiRyI6MjU1LCJCIjoyNTV9fSwiSXNWaXNpYmxlIjp0cnVlLCJXaWR0aCI6MC4wLCJIZWlnaHQiOjAuMCwiQm9yZGVyU3R5bGUiOnsiJGlkIjoiOTM5IiwiTGluZUNvbG9yIjpudWxsLCJMaW5lV2VpZ2h0IjowLjAsIkxpbmVUeXBlIjowLCJQYXJlbnRTdHlsZSI6bnVsbH0sIlBhcmVudFN0eWxlIjpudWxsfSwiRGF0ZUZvcm1hdCI6eyIkaWQiOiI5ND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zQ3IiwiVXNlVGltZSI6ZmFsc2UsIldvcmtEYXlTdGFydCI6IjAwOjAwOjAwIiwiV29ya0RheUVuZCI6IjIzOjU5OjAwIn0sIkxhc3RVc2VkVGVtcGxhdGVJZCI6ImM4ZGQ5NjM3LTg5Y2MtNGRjOS05NTQwLWVhNGNmMmM5NTY5OCIsIkZpcnN0V2Vla09mWWVhciI6MCwiUGxhY2VNaWxlc3RvbmVBdFRoZUJlZ2lubmluZ09mVGhlRGF5IjpmYWxzZSwiRGVwZW5kZW5jeVNjaGVkdWxpbmdTZXR0aW5ncyI6eyIkaWQiOiIxMzQ4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dHJ1ZX0seyIkaWQiOiIxNDQ3IiwiSWQiOiIwMGE1OTdhMS1mY2EzLTQ4YjYtOTUyYi02NjI5Y2MyNTZkYjMiLCJGcm9tIjp7IiRyZWYiOiIxMDU5In0sIktpbmQiOjAsIkNueFN0YXJ0S2luZCI6MCwiQ254RW5kS2luZCI6MCwiTGFnIjpudWxsLCJUbyI6eyIkcmVmIjoiMTExNiJ9LCJTdHlsZSI6eyIkaWQiOiIxNDQ4IiwiTGluZVN0eWxlIjp7IiRpZCI6IjE0NDkiLCJMaW5lQ29sb3IiOnsiJHJlZiI6IjE0NDQifSwiTGluZVdlaWdodCI6MS4wLCJMaW5lVHlwZSI6MCwiUGFyZW50U3R5bGUiOm51bGx9LCJFbmRBcnJvd2hlYWRMaW5lU3R5bGUiOnsiJGlkIjoiMTQ1MC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dHJ1ZX0seyIkaWQiOiIxNDU3IiwiSWQiOiI1NzJiYmFlMi00YjJhLTQ4YTAtODk5My1mYWY1ZjdkNTgxZGUiLCJGcm9tIjp7IiRyZWYiOiIxMDU5In0sIktpbmQiOjAsIkNueFN0YXJ0S2luZCI6MCwiQ254RW5kS2luZCI6MCwiTGFnIjpudWxsLCJUbyI6eyIkcmVmIjoiMTE3MyJ9LCJTdHlsZSI6eyIkaWQiOiIxNDU4IiwiTGluZVN0eWxlIjp7IiRpZCI6IjE0NTkiLCJMaW5lQ29sb3IiOnsiJHJlZiI6IjE0NTQifSwiTGluZVdlaWdodCI6MS4wLCJMaW5lVHlwZSI6MCwiUGFyZW50U3R5bGUiOm51bGx9LCJFbmRBcnJvd2hlYWRMaW5lU3R5bGUiOnsiJGlkIjoiMTQ2MC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dHJ1ZX0seyIkaWQiOiIxNDYxIiwiSWQiOiJkYTQ4NjI4ZC00MmZhLTQwMWEtODI1Yi1hYTA5ZmZkZDY4MjUiLCJGcm9tIjp7IiRyZWYiOiIxMTE2In0sIktpbmQiOjAsIkNueFN0YXJ0S2luZCI6MCwiQ254RW5kS2luZCI6MCwiTGFnIjpudWxsLCJUbyI6eyIkcmVmIjoiMTE3MyJ9LCJTdHlsZSI6eyIkaWQiOiIxNDYyIiwiTGluZVN0eWxlIjp7IiRpZCI6IjE0NjMiLCJMaW5lQ29sb3IiOnsiJHJlZiI6IjE0NTQifSwiTGluZVdlaWdodCI6MS4wLCJMaW5lVHlwZSI6MCwiUGFyZW50U3R5bGUiOm51bGx9LCJFbmRBcnJvd2hlYWRMaW5lU3R5bGUiOnsiJGlkIjoiMTQ2NC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b7519e51-3ab9-4aa9-8d11-153ad54c2eef"/>
  <p:tag name="OTLDEPDESTINATIONID" val="c0309460-b512-4a63-aebd-1caccf21462e"/>
  <p:tag name="OTLDEPENDENCYLAGUNIT" val="Undefined"/>
  <p:tag name="OTLDEPENDENCYLAGVALUE" val="0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b7519e51-3ab9-4aa9-8d11-153ad54c2eef"/>
  <p:tag name="OTLDEPDESTINATIONID" val="878ab2bd-394e-4043-8344-1eee2eff11e8"/>
  <p:tag name="OTLDEPENDENCYLAGUNIT" val="Undefined"/>
  <p:tag name="OTLDEPENDENCYLAGVALUE" val="0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55f0e0f8-8e3d-4c02-a835-c702182bd9ae"/>
  <p:tag name="OTLDEPDESTINATIONID" val="878ab2bd-394e-4043-8344-1eee2eff11e8"/>
  <p:tag name="OTLDEPENDENCYLAGUNIT" val="Undefined"/>
  <p:tag name="OTLDEPENDENCYLAGVALUE" val="0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c0309460-b512-4a63-aebd-1caccf21462e"/>
  <p:tag name="OTLDEPDESTINATIONID" val="7788d4f0-a25d-41d8-b8bc-deadfec9d616"/>
  <p:tag name="OTLDEPENDENCYLAGUNIT" val="Undefined"/>
  <p:tag name="OTLDEPENDENCYLAGVALUE" val="0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c0309460-b512-4a63-aebd-1caccf21462e"/>
  <p:tag name="OTLDEPDESTINATIONID" val="1c222fb7-734b-4613-b4fa-30a0ea6ee1eb"/>
  <p:tag name="OTLDEPENDENCYLAGUNIT" val="Undefined"/>
  <p:tag name="OTLDEPENDENCYLAGVALUE" val="0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c0309460-b512-4a63-aebd-1caccf21462e"/>
  <p:tag name="OTLDEPDESTINATIONID" val="2a07301f-276c-4109-957e-204c4c098a0c"/>
  <p:tag name="OTLDEPENDENCYLAGUNIT" val="Undefined"/>
  <p:tag name="OTLDEPENDENCYLAGVALUE" val="0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c0309460-b512-4a63-aebd-1caccf21462e"/>
  <p:tag name="OTLDEPDESTINATIONID" val="f78d59fd-b830-438b-973f-1a4b049d0111"/>
  <p:tag name="OTLDEPENDENCYLAGUNIT" val="Undefined"/>
  <p:tag name="OTLDEPENDENCYLAGVALUE" val="0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7788d4f0-a25d-41d8-b8bc-deadfec9d616"/>
  <p:tag name="OTLDEPDESTINATIONID" val="1c222fb7-734b-4613-b4fa-30a0ea6ee1eb"/>
  <p:tag name="OTLDEPENDENCYLAGUNIT" val="Undefined"/>
  <p:tag name="OTLDEPENDENCYLAGVALUE" val="0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878ab2bd-394e-4043-8344-1eee2eff11e8"/>
  <p:tag name="OTLDEPDESTINATIONID" val="1c222fb7-734b-4613-b4fa-30a0ea6ee1eb"/>
  <p:tag name="OTLDEPENDENCYLAGUNIT" val="Undefined"/>
  <p:tag name="OTLDEPENDENCYLAGVALUE" val="0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1c222fb7-734b-4613-b4fa-30a0ea6ee1eb"/>
  <p:tag name="OTLDEPDESTINATIONID" val="2a07301f-276c-4109-957e-204c4c098a0c"/>
  <p:tag name="OTLDEPENDENCYLAGUNIT" val="Undefined"/>
  <p:tag name="OTLDEPENDENCYLAGVALUE" val="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1c222fb7-734b-4613-b4fa-30a0ea6ee1eb"/>
  <p:tag name="OTLDEPDESTINATIONID" val="33bf0875-d58b-49a7-89d2-beea1f413f4d"/>
  <p:tag name="OTLDEPENDENCYLAGUNIT" val="Undefined"/>
  <p:tag name="OTLDEPENDENCYLAGVALUE" val="0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2a07301f-276c-4109-957e-204c4c098a0c"/>
  <p:tag name="OTLDEPDESTINATIONID" val="33bf0875-d58b-49a7-89d2-beea1f413f4d"/>
  <p:tag name="OTLDEPENDENCYLAGUNIT" val="Undefined"/>
  <p:tag name="OTLDEPENDENCYLAGVALUE" val="0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7788d4f0-a25d-41d8-b8bc-deadfec9d616"/>
  <p:tag name="OTLDEPDESTINATIONID" val="35e231f1-1cb1-4252-a87a-b895684c2398"/>
  <p:tag name="OTLDEPENDENCYLAGUNIT" val="Undefined"/>
  <p:tag name="OTLDEPENDENCYLAGVALUE" val="0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2a07301f-276c-4109-957e-204c4c098a0c"/>
  <p:tag name="OTLDEPDESTINATIONID" val="35e231f1-1cb1-4252-a87a-b895684c2398"/>
  <p:tag name="OTLDEPENDENCYLAGUNIT" val="Undefined"/>
  <p:tag name="OTLDEPENDENCYLAGVALUE" val="0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33bf0875-d58b-49a7-89d2-beea1f413f4d"/>
  <p:tag name="OTLDEPDESTINATIONID" val="35e231f1-1cb1-4252-a87a-b895684c2398"/>
  <p:tag name="OTLDEPENDENCYLAGUNIT" val="Undefined"/>
  <p:tag name="OTLDEPENDENCYLAGVALUE" val="0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878ab2bd-394e-4043-8344-1eee2eff11e8"/>
  <p:tag name="OTLDEPDESTINATIONID" val="f78d59fd-b830-438b-973f-1a4b049d0111"/>
  <p:tag name="OTLDEPENDENCYLAGUNIT" val="Undefined"/>
  <p:tag name="OTLDEPENDENCYLAGVALUE" val="0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7788d4f0-a25d-41d8-b8bc-deadfec9d616"/>
  <p:tag name="OTLDEPDESTINATIONID" val="f78d59fd-b830-438b-973f-1a4b049d0111"/>
  <p:tag name="OTLDEPENDENCYLAGUNIT" val="Undefined"/>
  <p:tag name="OTLDEPENDENCYLAGVALUE" val="0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1c222fb7-734b-4613-b4fa-30a0ea6ee1eb"/>
  <p:tag name="OTLDEPDESTINATIONID" val="f78d59fd-b830-438b-973f-1a4b049d0111"/>
  <p:tag name="OTLDEPENDENCYLAGUNIT" val="Undefined"/>
  <p:tag name="OTLDEPENDENCYLAGVALUE" val="0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33bf0875-d58b-49a7-89d2-beea1f413f4d"/>
  <p:tag name="OTLDEPDESTINATIONID" val="f78d59fd-b830-438b-973f-1a4b049d0111"/>
  <p:tag name="OTLDEPENDENCYLAGUNIT" val="Undefined"/>
  <p:tag name="OTLDEPENDENCYLAGVALUE" val="0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35e231f1-1cb1-4252-a87a-b895684c2398"/>
  <p:tag name="OTLDEPDESTINATIONID" val="f78d59fd-b830-438b-973f-1a4b049d0111"/>
  <p:tag name="OTLDEPENDENCYLAGUNIT" val="Undefined"/>
  <p:tag name="OTLDEPENDENCYLAGVALUE" val="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878ab2bd-394e-4043-8344-1eee2eff11e8"/>
  <p:tag name="OTLDEPDESTINATIONID" val="f95135f3-81d7-485d-9a30-a9bb512563c7"/>
  <p:tag name="OTLDEPENDENCYLAGUNIT" val="Undefined"/>
  <p:tag name="OTLDEPENDENCYLAGVALUE" val="0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f78d59fd-b830-438b-973f-1a4b049d0111"/>
  <p:tag name="OTLDEPDESTINATIONID" val="f95135f3-81d7-485d-9a30-a9bb512563c7"/>
  <p:tag name="OTLDEPENDENCYLAGUNIT" val="Undefined"/>
  <p:tag name="OTLDEPENDENCYLAGVALUE" val="0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da1670a4-525d-4bf8-97ab-9d21981bf2d6"/>
  <p:tag name="OTLDEPDESTINATIONID" val="60b95163-41c8-48e6-a565-61ecca02277d"/>
  <p:tag name="OTLDEPENDENCYLAGUNIT" val="Undefined"/>
  <p:tag name="OTLDEPENDENCYLAGVALUE" val="0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Top"/>
  <p:tag name="OTLDEPDESTINATIONKIND" val="Side"/>
  <p:tag name="OTLDEPSOURCEID" val="788d87ee-48f0-482a-8ee8-82951173b95b"/>
  <p:tag name="OTLDEPDESTINATIONID" val="62e37bf3-5867-4c70-b2ce-fa2a5694774d"/>
  <p:tag name="OTLDEPENDENCYLAGUNIT" val="Undefined"/>
  <p:tag name="OTLDEPENDENCYLAGVALUE" val="0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Bottom"/>
  <p:tag name="OTLDEPSOURCEID" val="f78d59fd-b830-438b-973f-1a4b049d0111"/>
  <p:tag name="OTLDEPDESTINATIONID" val="ddc5c6ab-9a87-43a7-acf9-75f624915af6"/>
  <p:tag name="OTLDEPENDENCYLAGUNIT" val="Undefined"/>
  <p:tag name="OTLDEPENDENCYLAGVALUE" val="0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Bottom"/>
  <p:tag name="OTLDEPSOURCEID" val="f95135f3-81d7-485d-9a30-a9bb512563c7"/>
  <p:tag name="OTLDEPDESTINATIONID" val="ddc5c6ab-9a87-43a7-acf9-75f624915af6"/>
  <p:tag name="OTLDEPENDENCYLAGUNIT" val="Undefined"/>
  <p:tag name="OTLDEPENDENCYLAGVALUE" val="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CALEFORMAT" val="d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DEPENABLED" val="True"/>
  <p:tag name="OTLTIMEBANDENDDATE" val="2023-05-27T23:59:00.0000000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3-01-17T00:00:00.0000000"/>
  <p:tag name="OTLENDDATE" val="2023-01-21T23:59:00.0000000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3-01-22T00:00:00.0000000"/>
  <p:tag name="OTLENDDATE" val="2023-01-26T23:59:00.00000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Weeks"/>
  <p:tag name="OTLTIMEBANDSCALEFORMAT" val="w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DEPENABLED" val="True"/>
  <p:tag name="OTLTIMEBANDENDDATE" val="2023-05-27T23:59:00.0000000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3-01-27T00:00:00.0000000"/>
  <p:tag name="OTLENDDATE" val="2023-02-10T23:59:00.0000000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3-02-11T00:00:00.0000000"/>
  <p:tag name="OTLENDDATE" val="2023-03-02T23:59:00.0000000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3-02-11T00:00:00.0000000"/>
  <p:tag name="OTLENDDATE" val="2023-03-12T23:59:00.0000000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3-02-11T00:00:00.0000000"/>
  <p:tag name="OTLENDDATE" val="2023-03-02T23:59:00.0000000Z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3-03-03T00:00:00.0000000Z"/>
  <p:tag name="OTLENDDATE" val="2023-05-01T23:59:00.0000000Z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3-02-11T00:00:00.0000000"/>
  <p:tag name="OTLENDDATE" val="2023-02-17T23:59:00.0000000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3-03-03T00:00:00.0000000"/>
  <p:tag name="OTLENDDATE" val="2023-03-22T23:59:00.0000000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3-03-23T00:00:00.0000000"/>
  <p:tag name="OTLENDDATE" val="2023-04-21T23:59:00.0000000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3-03-23T00:00:00.0000000"/>
  <p:tag name="OTLENDDATE" val="2023-04-23T23:59:00.0000000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3-04-22T00:00:00.0000000"/>
  <p:tag name="OTLENDDATE" val="2023-05-01T23:59:00.000000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3-05-02T00:00:00.0000000"/>
  <p:tag name="OTLENDDATE" val="2023-05-04T23:59:00.0000000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3-05-05T00:00:00.0000000"/>
  <p:tag name="OTLENDDATE" val="2023-05-14T23:59:00.0000000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3-05-15T00:00:00.0000000"/>
  <p:tag name="OTLENDDATE" val="2023-05-17T23:59:00.0000000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3-05-18T00:00:00.0000000"/>
  <p:tag name="OTLENDDATE" val="2023-05-20T23:59:00.0000000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3-05-21T00:00:00.0000000"/>
  <p:tag name="OTLENDDATE" val="2023-05-23T23:59:00.0000000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Regular"/>
  <p:tag name="OTLSTARTDATE" val="2023-05-24T00:00:00.0000000"/>
  <p:tag name="OTLENDDATE" val="2023-05-26T23:59:00.0000000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3-13T00:00:00.0000000"/>
  <p:tag name="OTLENDDATE" val="2023-04-02T23:59:00.0000000"/>
  <p:tag name="OTLDURATIONFORMAT" val="day"/>
  <p:tag name="OTLSPACING" val="5"/>
  <p:tag name="OTLSHAPETHICKNESSTYPE" val="Regular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3-04-24T00:00:00.0000000"/>
  <p:tag name="OTLENDDATE" val="2023-05-01T23:59:00.0000000"/>
  <p:tag name="OTLDURATIONFORMAT" val="day"/>
  <p:tag name="OTLSPACING" val="5"/>
  <p:tag name="OTLSHAPETHICKNESSTYPE" val="Regular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TART"/>
  <p:tag name="OTLPOSITIONONTASK" val="None"/>
  <p:tag name="OTLRELATEDTASKID" val="00000000-0000-0000-0000-000000000000"/>
  <p:tag name="OTLDATE" val="2023-01-16T23:59:00.0000000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NISH"/>
  <p:tag name="OTLDATE" val="2023-05-27T23:59:00.0000000"/>
  <p:tag name="OTLPOSITIONONTASK" val="None"/>
  <p:tag name="OTLRELATEDTASKID" val="00000000-0000-0000-0000-00000000000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62e37bf3-5867-4c70-b2ce-fa2a5694774d"/>
  <p:tag name="OTLDEPDESTINATIONID" val="da1670a4-525d-4bf8-97ab-9d21981bf2d6"/>
  <p:tag name="OTLDEPENDENCYLAGUNIT" val="Undefined"/>
  <p:tag name="OTLDEPENDENCYLAGVALUE" val="0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da1670a4-525d-4bf8-97ab-9d21981bf2d6"/>
  <p:tag name="OTLDEPDESTINATIONID" val="93a720d3-b7ed-4439-9bb5-2af0b2dc8a36"/>
  <p:tag name="OTLDEPENDENCYLAGUNIT" val="Undefined"/>
  <p:tag name="OTLDEPENDENCYLAGVALUE" val="0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93a720d3-b7ed-4439-9bb5-2af0b2dc8a36"/>
  <p:tag name="OTLDEPDESTINATIONID" val="4ba86430-18bd-4a54-8711-4cfa8d8319fb"/>
  <p:tag name="OTLDEPENDENCYLAGUNIT" val="Undefined"/>
  <p:tag name="OTLDEPENDENCYLAGVALUE" val="0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da1670a4-525d-4bf8-97ab-9d21981bf2d6"/>
  <p:tag name="OTLDEPDESTINATIONID" val="55f0e0f8-8e3d-4c02-a835-c702182bd9ae"/>
  <p:tag name="OTLDEPENDENCYLAGUNIT" val="Undefined"/>
  <p:tag name="OTLDEPENDENCYLAGVALUE" val="0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93a720d3-b7ed-4439-9bb5-2af0b2dc8a36"/>
  <p:tag name="OTLDEPDESTINATIONID" val="55f0e0f8-8e3d-4c02-a835-c702182bd9ae"/>
  <p:tag name="OTLDEPENDENCYLAGUNIT" val="Undefined"/>
  <p:tag name="OTLDEPENDENCYLAGVALUE" val="0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93a720d3-b7ed-4439-9bb5-2af0b2dc8a36"/>
  <p:tag name="OTLDEPDESTINATIONID" val="e5948836-f6c7-45ae-8dcd-687c0c5cfc41"/>
  <p:tag name="OTLDEPENDENCYLAGUNIT" val="Undefined"/>
  <p:tag name="OTLDEPENDENCYLAGVALUE" val="0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e5948836-f6c7-45ae-8dcd-687c0c5cfc41"/>
  <p:tag name="OTLDEPDESTINATIONID" val="e0f19ee8-d424-4d41-8ce3-21d9de10fcf1"/>
  <p:tag name="OTLDEPENDENCYLAGUNIT" val="Undefined"/>
  <p:tag name="OTLDEPENDENCYLAGVALUE" val="0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EPENDENCYKIND" val="FS"/>
  <p:tag name="OTLDEPSOURCEKIND" val="Side"/>
  <p:tag name="OTLDEPDESTINATIONKIND" val="Side"/>
  <p:tag name="OTLDEPSOURCEID" val="e5948836-f6c7-45ae-8dcd-687c0c5cfc41"/>
  <p:tag name="OTLDEPDESTINATIONID" val="b7519e51-3ab9-4aa9-8d11-153ad54c2eef"/>
  <p:tag name="OTLDEPENDENCYLAGUNIT" val="Undefined"/>
  <p:tag name="OTLDEPENDENCYLAGVALUE" val="0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9</Words>
  <Application>Microsoft Office PowerPoint</Application>
  <PresentationFormat>Widescreen</PresentationFormat>
  <Paragraphs>5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3-01-09T09:43:46Z</dcterms:created>
  <dcterms:modified xsi:type="dcterms:W3CDTF">2023-01-09T09:45:15Z</dcterms:modified>
</cp:coreProperties>
</file>